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3571\Desktop\【編集】★完成データ\"/>
    </mc:Choice>
  </mc:AlternateContent>
  <bookViews>
    <workbookView xWindow="-15" yWindow="-15" windowWidth="10320" windowHeight="8100"/>
  </bookViews>
  <sheets>
    <sheet name="8" sheetId="5" r:id="rId1"/>
  </sheets>
  <definedNames>
    <definedName name="_xlnm.Print_Area" localSheetId="0">'8'!$A$1:$Z$44</definedName>
  </definedNames>
  <calcPr calcId="162913"/>
</workbook>
</file>

<file path=xl/sharedStrings.xml><?xml version="1.0" encoding="utf-8"?>
<sst xmlns="http://schemas.openxmlformats.org/spreadsheetml/2006/main" count="288" uniqueCount="102">
  <si>
    <t>市町村</t>
    <rPh sb="0" eb="3">
      <t>シチョウソン</t>
    </rPh>
    <phoneticPr fontId="2"/>
  </si>
  <si>
    <t>契約面積</t>
    <rPh sb="0" eb="2">
      <t>ケイヤク</t>
    </rPh>
    <rPh sb="2" eb="4">
      <t>メンセキ</t>
    </rPh>
    <phoneticPr fontId="2"/>
  </si>
  <si>
    <t>計</t>
    <rPh sb="0" eb="1">
      <t>ケイ</t>
    </rPh>
    <phoneticPr fontId="2"/>
  </si>
  <si>
    <t>除地等</t>
    <rPh sb="0" eb="2">
      <t>ジョチ</t>
    </rPh>
    <rPh sb="2" eb="3">
      <t>トウ</t>
    </rPh>
    <phoneticPr fontId="2"/>
  </si>
  <si>
    <t>川本</t>
    <rPh sb="0" eb="2">
      <t>カワモト</t>
    </rPh>
    <phoneticPr fontId="2"/>
  </si>
  <si>
    <t>邑智</t>
    <rPh sb="0" eb="2">
      <t>オオチ</t>
    </rPh>
    <phoneticPr fontId="2"/>
  </si>
  <si>
    <t>羽須美</t>
    <rPh sb="0" eb="3">
      <t>ハスミ</t>
    </rPh>
    <phoneticPr fontId="2"/>
  </si>
  <si>
    <t>瑞穂</t>
    <rPh sb="0" eb="2">
      <t>ミズホ</t>
    </rPh>
    <phoneticPr fontId="2"/>
  </si>
  <si>
    <t>石見</t>
    <rPh sb="0" eb="2">
      <t>イワミ</t>
    </rPh>
    <phoneticPr fontId="2"/>
  </si>
  <si>
    <t>桜江</t>
    <rPh sb="0" eb="2">
      <t>サクラエ</t>
    </rPh>
    <phoneticPr fontId="2"/>
  </si>
  <si>
    <t>（管内計）</t>
    <rPh sb="1" eb="3">
      <t>カンナイ</t>
    </rPh>
    <rPh sb="3" eb="4">
      <t>ケイ</t>
    </rPh>
    <phoneticPr fontId="2"/>
  </si>
  <si>
    <t>浜田</t>
    <rPh sb="0" eb="2">
      <t>ハマダ</t>
    </rPh>
    <phoneticPr fontId="2"/>
  </si>
  <si>
    <t>江津</t>
    <rPh sb="0" eb="2">
      <t>ゴウツ</t>
    </rPh>
    <phoneticPr fontId="2"/>
  </si>
  <si>
    <t>旭</t>
    <rPh sb="0" eb="1">
      <t>アサヒ</t>
    </rPh>
    <phoneticPr fontId="2"/>
  </si>
  <si>
    <t>弥栄</t>
    <rPh sb="0" eb="2">
      <t>ヤサカ</t>
    </rPh>
    <phoneticPr fontId="2"/>
  </si>
  <si>
    <t>三隅</t>
    <rPh sb="0" eb="2">
      <t>ミスミ</t>
    </rPh>
    <phoneticPr fontId="2"/>
  </si>
  <si>
    <t>大田</t>
    <rPh sb="0" eb="2">
      <t>オオダ</t>
    </rPh>
    <phoneticPr fontId="2"/>
  </si>
  <si>
    <t>仁摩</t>
    <rPh sb="0" eb="2">
      <t>ニマ</t>
    </rPh>
    <phoneticPr fontId="2"/>
  </si>
  <si>
    <t>温泉津</t>
    <rPh sb="0" eb="3">
      <t>ユノツ</t>
    </rPh>
    <phoneticPr fontId="2"/>
  </si>
  <si>
    <t>松江</t>
    <rPh sb="0" eb="2">
      <t>マツエ</t>
    </rPh>
    <phoneticPr fontId="2"/>
  </si>
  <si>
    <t>鹿島</t>
    <rPh sb="0" eb="2">
      <t>カシマ</t>
    </rPh>
    <phoneticPr fontId="2"/>
  </si>
  <si>
    <t>島根</t>
    <rPh sb="0" eb="2">
      <t>シマネ</t>
    </rPh>
    <phoneticPr fontId="2"/>
  </si>
  <si>
    <t>美保関</t>
    <rPh sb="0" eb="3">
      <t>ミホノセキ</t>
    </rPh>
    <phoneticPr fontId="2"/>
  </si>
  <si>
    <t>東出雲</t>
    <rPh sb="0" eb="3">
      <t>ヒガシイズモ</t>
    </rPh>
    <phoneticPr fontId="2"/>
  </si>
  <si>
    <t>八雲</t>
    <rPh sb="0" eb="2">
      <t>ヤクモ</t>
    </rPh>
    <phoneticPr fontId="2"/>
  </si>
  <si>
    <t>玉湯</t>
    <rPh sb="0" eb="2">
      <t>タマユ</t>
    </rPh>
    <phoneticPr fontId="2"/>
  </si>
  <si>
    <t>宍道</t>
    <rPh sb="0" eb="2">
      <t>シンジ</t>
    </rPh>
    <phoneticPr fontId="2"/>
  </si>
  <si>
    <t>八束</t>
    <rPh sb="0" eb="2">
      <t>ヤツカ</t>
    </rPh>
    <phoneticPr fontId="2"/>
  </si>
  <si>
    <t>安来</t>
    <rPh sb="0" eb="2">
      <t>ヤスギ</t>
    </rPh>
    <phoneticPr fontId="2"/>
  </si>
  <si>
    <t>広瀬</t>
    <rPh sb="0" eb="2">
      <t>ヒロセ</t>
    </rPh>
    <phoneticPr fontId="2"/>
  </si>
  <si>
    <t>伯太</t>
    <rPh sb="0" eb="2">
      <t>ハクタ</t>
    </rPh>
    <phoneticPr fontId="2"/>
  </si>
  <si>
    <t>大東</t>
    <rPh sb="0" eb="2">
      <t>ダイトウ</t>
    </rPh>
    <phoneticPr fontId="2"/>
  </si>
  <si>
    <t>加茂</t>
    <rPh sb="0" eb="2">
      <t>カモ</t>
    </rPh>
    <phoneticPr fontId="2"/>
  </si>
  <si>
    <t>仁多</t>
    <rPh sb="0" eb="2">
      <t>ニタ</t>
    </rPh>
    <phoneticPr fontId="2"/>
  </si>
  <si>
    <t>横田</t>
    <rPh sb="0" eb="2">
      <t>ヨコタ</t>
    </rPh>
    <phoneticPr fontId="2"/>
  </si>
  <si>
    <t>三刀屋</t>
    <rPh sb="0" eb="3">
      <t>ミトヤ</t>
    </rPh>
    <phoneticPr fontId="2"/>
  </si>
  <si>
    <t>吉田</t>
    <rPh sb="0" eb="2">
      <t>ヨシダ</t>
    </rPh>
    <phoneticPr fontId="2"/>
  </si>
  <si>
    <t>掛合</t>
    <rPh sb="0" eb="2">
      <t>カケヤ</t>
    </rPh>
    <phoneticPr fontId="2"/>
  </si>
  <si>
    <t>頓原</t>
    <rPh sb="0" eb="2">
      <t>トンバラ</t>
    </rPh>
    <phoneticPr fontId="2"/>
  </si>
  <si>
    <t>赤来</t>
    <rPh sb="0" eb="2">
      <t>アカギ</t>
    </rPh>
    <phoneticPr fontId="2"/>
  </si>
  <si>
    <t>出雲</t>
    <rPh sb="0" eb="2">
      <t>イズモ</t>
    </rPh>
    <phoneticPr fontId="2"/>
  </si>
  <si>
    <t>平田</t>
    <rPh sb="0" eb="2">
      <t>ヒラタ</t>
    </rPh>
    <phoneticPr fontId="2"/>
  </si>
  <si>
    <t>斐川</t>
    <rPh sb="0" eb="2">
      <t>ヒカワ</t>
    </rPh>
    <phoneticPr fontId="2"/>
  </si>
  <si>
    <t>佐田</t>
    <rPh sb="0" eb="2">
      <t>サダ</t>
    </rPh>
    <phoneticPr fontId="2"/>
  </si>
  <si>
    <t>多伎</t>
    <rPh sb="0" eb="2">
      <t>タキ</t>
    </rPh>
    <phoneticPr fontId="2"/>
  </si>
  <si>
    <t>湖陵</t>
    <rPh sb="0" eb="2">
      <t>コリョウ</t>
    </rPh>
    <phoneticPr fontId="2"/>
  </si>
  <si>
    <t>大社</t>
    <rPh sb="0" eb="2">
      <t>タイシャ</t>
    </rPh>
    <phoneticPr fontId="2"/>
  </si>
  <si>
    <t>西郷</t>
    <rPh sb="0" eb="2">
      <t>サイゴウ</t>
    </rPh>
    <phoneticPr fontId="2"/>
  </si>
  <si>
    <t>布施</t>
    <rPh sb="0" eb="2">
      <t>フセ</t>
    </rPh>
    <phoneticPr fontId="2"/>
  </si>
  <si>
    <t>五箇</t>
    <rPh sb="0" eb="2">
      <t>ゴカ</t>
    </rPh>
    <phoneticPr fontId="2"/>
  </si>
  <si>
    <t>都万</t>
    <rPh sb="0" eb="2">
      <t>ツマ</t>
    </rPh>
    <phoneticPr fontId="2"/>
  </si>
  <si>
    <t>海士</t>
    <rPh sb="0" eb="2">
      <t>アマ</t>
    </rPh>
    <phoneticPr fontId="2"/>
  </si>
  <si>
    <t>西ノ島</t>
    <rPh sb="0" eb="3">
      <t>ニシノシマ</t>
    </rPh>
    <phoneticPr fontId="2"/>
  </si>
  <si>
    <t>知夫</t>
    <rPh sb="0" eb="2">
      <t>チブ</t>
    </rPh>
    <phoneticPr fontId="2"/>
  </si>
  <si>
    <t>益田</t>
    <rPh sb="0" eb="2">
      <t>マスダ</t>
    </rPh>
    <phoneticPr fontId="2"/>
  </si>
  <si>
    <t>匹見</t>
    <rPh sb="0" eb="2">
      <t>ヒキミ</t>
    </rPh>
    <phoneticPr fontId="2"/>
  </si>
  <si>
    <t>津和野</t>
    <rPh sb="0" eb="3">
      <t>ツワノ</t>
    </rPh>
    <phoneticPr fontId="2"/>
  </si>
  <si>
    <t>日原</t>
    <rPh sb="0" eb="2">
      <t>ニチハラ</t>
    </rPh>
    <phoneticPr fontId="2"/>
  </si>
  <si>
    <t>柿木</t>
    <rPh sb="0" eb="2">
      <t>カキノキ</t>
    </rPh>
    <phoneticPr fontId="2"/>
  </si>
  <si>
    <t>六日市</t>
    <rPh sb="0" eb="3">
      <t>ムイカイチ</t>
    </rPh>
    <phoneticPr fontId="2"/>
  </si>
  <si>
    <t>持込</t>
    <rPh sb="0" eb="2">
      <t>モチコミ</t>
    </rPh>
    <phoneticPr fontId="2"/>
  </si>
  <si>
    <t>旧市町村</t>
    <rPh sb="0" eb="1">
      <t>キュウ</t>
    </rPh>
    <rPh sb="1" eb="4">
      <t>シチョウソン</t>
    </rPh>
    <phoneticPr fontId="2"/>
  </si>
  <si>
    <t>川本町</t>
    <rPh sb="0" eb="2">
      <t>カワモト</t>
    </rPh>
    <rPh sb="2" eb="3">
      <t>チョウ</t>
    </rPh>
    <phoneticPr fontId="2"/>
  </si>
  <si>
    <t>美郷町</t>
    <rPh sb="0" eb="3">
      <t>ミサトチョウ</t>
    </rPh>
    <phoneticPr fontId="2"/>
  </si>
  <si>
    <t>邑南町</t>
    <rPh sb="0" eb="1">
      <t>オウ</t>
    </rPh>
    <rPh sb="1" eb="3">
      <t>ナンチョウ</t>
    </rPh>
    <phoneticPr fontId="2"/>
  </si>
  <si>
    <t>大田市</t>
    <rPh sb="0" eb="3">
      <t>オオダシ</t>
    </rPh>
    <phoneticPr fontId="2"/>
  </si>
  <si>
    <t>浜田市</t>
    <rPh sb="0" eb="3">
      <t>ハマダシ</t>
    </rPh>
    <phoneticPr fontId="2"/>
  </si>
  <si>
    <t>江津市</t>
    <rPh sb="0" eb="3">
      <t>ゴウツシ</t>
    </rPh>
    <phoneticPr fontId="2"/>
  </si>
  <si>
    <t>松江市</t>
    <rPh sb="0" eb="3">
      <t>マツエシ</t>
    </rPh>
    <phoneticPr fontId="2"/>
  </si>
  <si>
    <t>安来市</t>
    <rPh sb="0" eb="3">
      <t>ヤスギシ</t>
    </rPh>
    <phoneticPr fontId="2"/>
  </si>
  <si>
    <t>雲南市</t>
    <rPh sb="0" eb="2">
      <t>ウンナン</t>
    </rPh>
    <rPh sb="2" eb="3">
      <t>シ</t>
    </rPh>
    <phoneticPr fontId="2"/>
  </si>
  <si>
    <t>奥出雲町</t>
    <rPh sb="0" eb="1">
      <t>オク</t>
    </rPh>
    <rPh sb="1" eb="4">
      <t>イズモチョウ</t>
    </rPh>
    <phoneticPr fontId="2"/>
  </si>
  <si>
    <t>飯南町</t>
    <rPh sb="0" eb="3">
      <t>イイナンチョウ</t>
    </rPh>
    <phoneticPr fontId="2"/>
  </si>
  <si>
    <t>出雲市</t>
    <rPh sb="0" eb="3">
      <t>イズモシ</t>
    </rPh>
    <phoneticPr fontId="2"/>
  </si>
  <si>
    <t>益田市</t>
    <rPh sb="0" eb="3">
      <t>マスダシ</t>
    </rPh>
    <phoneticPr fontId="2"/>
  </si>
  <si>
    <t>津和野町</t>
    <rPh sb="0" eb="4">
      <t>ツワノチョウ</t>
    </rPh>
    <phoneticPr fontId="2"/>
  </si>
  <si>
    <t>吉賀町</t>
    <rPh sb="0" eb="2">
      <t>ヨシガ</t>
    </rPh>
    <rPh sb="2" eb="3">
      <t>チョウ</t>
    </rPh>
    <phoneticPr fontId="2"/>
  </si>
  <si>
    <t>計画区</t>
  </si>
  <si>
    <t>江の川下流</t>
    <rPh sb="0" eb="1">
      <t>ゴウ</t>
    </rPh>
    <rPh sb="2" eb="3">
      <t>カワ</t>
    </rPh>
    <rPh sb="3" eb="5">
      <t>カリュウ</t>
    </rPh>
    <phoneticPr fontId="2"/>
  </si>
  <si>
    <t>斐伊川</t>
    <rPh sb="0" eb="3">
      <t>ヒイカワ</t>
    </rPh>
    <phoneticPr fontId="2"/>
  </si>
  <si>
    <t>H22</t>
    <phoneticPr fontId="2"/>
  </si>
  <si>
    <t>H23</t>
    <phoneticPr fontId="2"/>
  </si>
  <si>
    <t>H24</t>
    <phoneticPr fontId="2"/>
  </si>
  <si>
    <t>H25</t>
    <phoneticPr fontId="2"/>
  </si>
  <si>
    <t>H26</t>
    <phoneticPr fontId="2"/>
  </si>
  <si>
    <t>H21まで</t>
    <phoneticPr fontId="2"/>
  </si>
  <si>
    <t>隠岐</t>
    <rPh sb="0" eb="2">
      <t>オキ</t>
    </rPh>
    <phoneticPr fontId="2"/>
  </si>
  <si>
    <t>高津川</t>
    <rPh sb="0" eb="2">
      <t>タカツ</t>
    </rPh>
    <rPh sb="2" eb="3">
      <t>ガワ</t>
    </rPh>
    <phoneticPr fontId="2"/>
  </si>
  <si>
    <t>経営面積</t>
    <rPh sb="0" eb="2">
      <t>ケイエイ</t>
    </rPh>
    <rPh sb="2" eb="4">
      <t>メンセキ</t>
    </rPh>
    <phoneticPr fontId="2"/>
  </si>
  <si>
    <t>邑南町</t>
    <rPh sb="0" eb="3">
      <t>オオナンチョウ</t>
    </rPh>
    <phoneticPr fontId="2"/>
  </si>
  <si>
    <t>契約面積</t>
    <phoneticPr fontId="2"/>
  </si>
  <si>
    <t>大和</t>
    <rPh sb="0" eb="2">
      <t>ヤマト</t>
    </rPh>
    <phoneticPr fontId="2"/>
  </si>
  <si>
    <t>金城</t>
    <rPh sb="0" eb="2">
      <t>カネシロ</t>
    </rPh>
    <phoneticPr fontId="2"/>
  </si>
  <si>
    <t>管内計</t>
    <rPh sb="0" eb="2">
      <t>カンナイ</t>
    </rPh>
    <rPh sb="2" eb="3">
      <t>ケイ</t>
    </rPh>
    <phoneticPr fontId="2"/>
  </si>
  <si>
    <t>県計</t>
    <rPh sb="0" eb="1">
      <t>ケン</t>
    </rPh>
    <rPh sb="1" eb="2">
      <t>ケイ</t>
    </rPh>
    <phoneticPr fontId="2"/>
  </si>
  <si>
    <t>木次</t>
    <rPh sb="0" eb="1">
      <t>キ</t>
    </rPh>
    <rPh sb="1" eb="2">
      <t>ツギ</t>
    </rPh>
    <phoneticPr fontId="2"/>
  </si>
  <si>
    <t>隠岐の島町</t>
    <rPh sb="0" eb="2">
      <t>オキ</t>
    </rPh>
    <rPh sb="3" eb="4">
      <t>シマ</t>
    </rPh>
    <rPh sb="4" eb="5">
      <t>チョウ</t>
    </rPh>
    <phoneticPr fontId="2"/>
  </si>
  <si>
    <t>海士町</t>
    <rPh sb="0" eb="2">
      <t>アマ</t>
    </rPh>
    <rPh sb="2" eb="3">
      <t>チョウ</t>
    </rPh>
    <phoneticPr fontId="2"/>
  </si>
  <si>
    <t>西ノ島町</t>
    <rPh sb="0" eb="3">
      <t>ニシノシマ</t>
    </rPh>
    <rPh sb="3" eb="4">
      <t>マチ</t>
    </rPh>
    <phoneticPr fontId="2"/>
  </si>
  <si>
    <t>知夫村</t>
    <rPh sb="0" eb="2">
      <t>チブ</t>
    </rPh>
    <rPh sb="2" eb="3">
      <t>ムラ</t>
    </rPh>
    <phoneticPr fontId="2"/>
  </si>
  <si>
    <t>美都</t>
    <rPh sb="0" eb="2">
      <t>ミト</t>
    </rPh>
    <phoneticPr fontId="2"/>
  </si>
  <si>
    <t>H29末</t>
    <rPh sb="3" eb="4">
      <t>マ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4">
    <numFmt numFmtId="43" formatCode="_ * #,##0.00_ ;_ * \-#,##0.00_ ;_ * &quot;-&quot;??_ ;_ @_ "/>
    <numFmt numFmtId="176" formatCode="_ * #,##0.0_ ;_ * \-#,##0.0_ ;_ * &quot;-&quot;?_ ;_ @_ "/>
    <numFmt numFmtId="177" formatCode="0.00_ "/>
    <numFmt numFmtId="178" formatCode="0_ "/>
  </numFmts>
  <fonts count="8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8"/>
      <name val="ＭＳ 明朝"/>
      <family val="1"/>
      <charset val="128"/>
    </font>
    <font>
      <sz val="11"/>
      <name val="ＭＳ 明朝"/>
      <family val="1"/>
      <charset val="128"/>
    </font>
    <font>
      <sz val="10"/>
      <name val="ＭＳ 明朝"/>
      <family val="1"/>
      <charset val="128"/>
    </font>
    <font>
      <sz val="9"/>
      <name val="ＭＳ 明朝"/>
      <family val="1"/>
      <charset val="128"/>
    </font>
    <font>
      <sz val="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0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dotted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dotted">
        <color indexed="64"/>
      </bottom>
      <diagonal/>
    </border>
    <border>
      <left style="thin">
        <color indexed="64"/>
      </left>
      <right style="thin">
        <color indexed="64"/>
      </right>
      <top/>
      <bottom style="dashed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ashed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Dashed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ashed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dashed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1" fillId="0" borderId="0"/>
  </cellStyleXfs>
  <cellXfs count="87">
    <xf numFmtId="0" fontId="0" fillId="0" borderId="0" xfId="0"/>
    <xf numFmtId="0" fontId="3" fillId="0" borderId="0" xfId="0" applyFont="1" applyFill="1" applyAlignment="1">
      <alignment vertical="center"/>
    </xf>
    <xf numFmtId="0" fontId="4" fillId="0" borderId="1" xfId="2" applyFont="1" applyFill="1" applyBorder="1" applyAlignment="1">
      <alignment horizontal="center" vertical="center"/>
    </xf>
    <xf numFmtId="0" fontId="5" fillId="0" borderId="0" xfId="0" applyFont="1" applyFill="1" applyAlignment="1">
      <alignment vertical="center"/>
    </xf>
    <xf numFmtId="43" fontId="5" fillId="0" borderId="2" xfId="1" applyNumberFormat="1" applyFont="1" applyFill="1" applyBorder="1" applyAlignment="1">
      <alignment vertical="center"/>
    </xf>
    <xf numFmtId="43" fontId="5" fillId="0" borderId="3" xfId="1" applyNumberFormat="1" applyFont="1" applyFill="1" applyBorder="1" applyAlignment="1">
      <alignment vertical="center"/>
    </xf>
    <xf numFmtId="43" fontId="5" fillId="0" borderId="4" xfId="1" applyNumberFormat="1" applyFont="1" applyFill="1" applyBorder="1" applyAlignment="1">
      <alignment vertical="center"/>
    </xf>
    <xf numFmtId="43" fontId="5" fillId="0" borderId="5" xfId="1" applyNumberFormat="1" applyFont="1" applyFill="1" applyBorder="1" applyAlignment="1">
      <alignment vertical="center"/>
    </xf>
    <xf numFmtId="43" fontId="5" fillId="0" borderId="6" xfId="1" applyNumberFormat="1" applyFont="1" applyFill="1" applyBorder="1" applyAlignment="1">
      <alignment vertical="center"/>
    </xf>
    <xf numFmtId="43" fontId="5" fillId="0" borderId="1" xfId="1" applyNumberFormat="1" applyFont="1" applyFill="1" applyBorder="1" applyAlignment="1">
      <alignment vertical="center"/>
    </xf>
    <xf numFmtId="43" fontId="5" fillId="0" borderId="7" xfId="1" applyNumberFormat="1" applyFont="1" applyFill="1" applyBorder="1" applyAlignment="1">
      <alignment vertical="center"/>
    </xf>
    <xf numFmtId="176" fontId="5" fillId="0" borderId="2" xfId="1" applyNumberFormat="1" applyFont="1" applyFill="1" applyBorder="1" applyAlignment="1">
      <alignment horizontal="center" vertical="center"/>
    </xf>
    <xf numFmtId="176" fontId="3" fillId="0" borderId="0" xfId="0" applyNumberFormat="1" applyFont="1" applyFill="1" applyAlignment="1">
      <alignment horizontal="center" vertical="center"/>
    </xf>
    <xf numFmtId="176" fontId="5" fillId="0" borderId="3" xfId="1" applyNumberFormat="1" applyFont="1" applyFill="1" applyBorder="1" applyAlignment="1">
      <alignment horizontal="center" vertical="center"/>
    </xf>
    <xf numFmtId="176" fontId="5" fillId="0" borderId="4" xfId="1" applyNumberFormat="1" applyFont="1" applyFill="1" applyBorder="1" applyAlignment="1">
      <alignment horizontal="center" vertical="center"/>
    </xf>
    <xf numFmtId="176" fontId="5" fillId="0" borderId="5" xfId="1" applyNumberFormat="1" applyFont="1" applyFill="1" applyBorder="1" applyAlignment="1">
      <alignment horizontal="center" vertical="center"/>
    </xf>
    <xf numFmtId="176" fontId="5" fillId="0" borderId="6" xfId="1" applyNumberFormat="1" applyFont="1" applyFill="1" applyBorder="1" applyAlignment="1">
      <alignment horizontal="center" vertical="center"/>
    </xf>
    <xf numFmtId="176" fontId="5" fillId="0" borderId="1" xfId="1" applyNumberFormat="1" applyFont="1" applyFill="1" applyBorder="1" applyAlignment="1">
      <alignment horizontal="center" vertical="center"/>
    </xf>
    <xf numFmtId="176" fontId="5" fillId="0" borderId="7" xfId="1" applyNumberFormat="1" applyFont="1" applyFill="1" applyBorder="1" applyAlignment="1">
      <alignment horizontal="center" vertical="center"/>
    </xf>
    <xf numFmtId="0" fontId="6" fillId="0" borderId="7" xfId="2" applyFont="1" applyFill="1" applyBorder="1" applyAlignment="1">
      <alignment horizontal="center" vertical="center"/>
    </xf>
    <xf numFmtId="0" fontId="6" fillId="0" borderId="0" xfId="0" applyFont="1" applyFill="1" applyAlignment="1">
      <alignment vertical="center"/>
    </xf>
    <xf numFmtId="0" fontId="6" fillId="0" borderId="1" xfId="2" applyFont="1" applyFill="1" applyBorder="1" applyAlignment="1">
      <alignment horizontal="center" vertical="center"/>
    </xf>
    <xf numFmtId="43" fontId="6" fillId="0" borderId="2" xfId="1" applyNumberFormat="1" applyFont="1" applyFill="1" applyBorder="1" applyAlignment="1">
      <alignment vertical="center"/>
    </xf>
    <xf numFmtId="176" fontId="6" fillId="0" borderId="2" xfId="1" applyNumberFormat="1" applyFont="1" applyFill="1" applyBorder="1" applyAlignment="1">
      <alignment horizontal="center" vertical="center"/>
    </xf>
    <xf numFmtId="43" fontId="6" fillId="0" borderId="4" xfId="1" applyNumberFormat="1" applyFont="1" applyFill="1" applyBorder="1" applyAlignment="1">
      <alignment vertical="center"/>
    </xf>
    <xf numFmtId="43" fontId="6" fillId="0" borderId="3" xfId="1" applyNumberFormat="1" applyFont="1" applyFill="1" applyBorder="1" applyAlignment="1">
      <alignment vertical="center"/>
    </xf>
    <xf numFmtId="176" fontId="6" fillId="0" borderId="3" xfId="1" applyNumberFormat="1" applyFont="1" applyFill="1" applyBorder="1" applyAlignment="1">
      <alignment horizontal="center" vertical="center"/>
    </xf>
    <xf numFmtId="176" fontId="6" fillId="0" borderId="4" xfId="1" applyNumberFormat="1" applyFont="1" applyFill="1" applyBorder="1" applyAlignment="1">
      <alignment horizontal="center" vertical="center"/>
    </xf>
    <xf numFmtId="43" fontId="6" fillId="0" borderId="5" xfId="1" applyNumberFormat="1" applyFont="1" applyFill="1" applyBorder="1" applyAlignment="1">
      <alignment vertical="center"/>
    </xf>
    <xf numFmtId="176" fontId="6" fillId="0" borderId="5" xfId="1" applyNumberFormat="1" applyFont="1" applyFill="1" applyBorder="1" applyAlignment="1">
      <alignment horizontal="center" vertical="center"/>
    </xf>
    <xf numFmtId="43" fontId="6" fillId="0" borderId="6" xfId="1" applyNumberFormat="1" applyFont="1" applyFill="1" applyBorder="1" applyAlignment="1">
      <alignment vertical="center"/>
    </xf>
    <xf numFmtId="176" fontId="6" fillId="0" borderId="6" xfId="1" applyNumberFormat="1" applyFont="1" applyFill="1" applyBorder="1" applyAlignment="1">
      <alignment horizontal="center" vertical="center"/>
    </xf>
    <xf numFmtId="43" fontId="6" fillId="0" borderId="1" xfId="1" applyNumberFormat="1" applyFont="1" applyFill="1" applyBorder="1" applyAlignment="1">
      <alignment vertical="center"/>
    </xf>
    <xf numFmtId="43" fontId="6" fillId="0" borderId="8" xfId="1" applyNumberFormat="1" applyFont="1" applyFill="1" applyBorder="1" applyAlignment="1">
      <alignment vertical="center"/>
    </xf>
    <xf numFmtId="43" fontId="6" fillId="0" borderId="7" xfId="1" applyNumberFormat="1" applyFont="1" applyFill="1" applyBorder="1" applyAlignment="1">
      <alignment vertical="center"/>
    </xf>
    <xf numFmtId="176" fontId="6" fillId="0" borderId="1" xfId="1" applyNumberFormat="1" applyFont="1" applyFill="1" applyBorder="1" applyAlignment="1">
      <alignment horizontal="center" vertical="center"/>
    </xf>
    <xf numFmtId="176" fontId="6" fillId="0" borderId="7" xfId="1" applyNumberFormat="1" applyFont="1" applyFill="1" applyBorder="1" applyAlignment="1">
      <alignment horizontal="center" vertical="center"/>
    </xf>
    <xf numFmtId="43" fontId="6" fillId="0" borderId="9" xfId="1" applyNumberFormat="1" applyFont="1" applyFill="1" applyBorder="1" applyAlignment="1">
      <alignment vertical="center"/>
    </xf>
    <xf numFmtId="43" fontId="6" fillId="0" borderId="10" xfId="1" applyNumberFormat="1" applyFont="1" applyFill="1" applyBorder="1" applyAlignment="1">
      <alignment vertical="center"/>
    </xf>
    <xf numFmtId="176" fontId="6" fillId="0" borderId="0" xfId="0" applyNumberFormat="1" applyFont="1" applyFill="1" applyAlignment="1">
      <alignment horizontal="center" vertical="center"/>
    </xf>
    <xf numFmtId="176" fontId="6" fillId="0" borderId="1" xfId="2" applyNumberFormat="1" applyFont="1" applyFill="1" applyBorder="1" applyAlignment="1">
      <alignment horizontal="center" vertical="center"/>
    </xf>
    <xf numFmtId="176" fontId="4" fillId="0" borderId="1" xfId="2" applyNumberFormat="1" applyFont="1" applyFill="1" applyBorder="1" applyAlignment="1">
      <alignment horizontal="center" vertical="center"/>
    </xf>
    <xf numFmtId="43" fontId="5" fillId="0" borderId="11" xfId="1" applyNumberFormat="1" applyFont="1" applyFill="1" applyBorder="1" applyAlignment="1">
      <alignment vertical="center"/>
    </xf>
    <xf numFmtId="176" fontId="5" fillId="0" borderId="11" xfId="1" applyNumberFormat="1" applyFont="1" applyFill="1" applyBorder="1" applyAlignment="1">
      <alignment horizontal="center" vertical="center"/>
    </xf>
    <xf numFmtId="43" fontId="5" fillId="0" borderId="12" xfId="1" applyNumberFormat="1" applyFont="1" applyFill="1" applyBorder="1" applyAlignment="1">
      <alignment vertical="center"/>
    </xf>
    <xf numFmtId="176" fontId="5" fillId="0" borderId="12" xfId="1" applyNumberFormat="1" applyFont="1" applyFill="1" applyBorder="1" applyAlignment="1">
      <alignment horizontal="center" vertical="center"/>
    </xf>
    <xf numFmtId="43" fontId="6" fillId="0" borderId="13" xfId="1" applyNumberFormat="1" applyFont="1" applyFill="1" applyBorder="1" applyAlignment="1">
      <alignment vertical="center"/>
    </xf>
    <xf numFmtId="176" fontId="6" fillId="0" borderId="13" xfId="1" applyNumberFormat="1" applyFont="1" applyFill="1" applyBorder="1" applyAlignment="1">
      <alignment horizontal="center" vertical="center"/>
    </xf>
    <xf numFmtId="43" fontId="6" fillId="0" borderId="14" xfId="1" applyNumberFormat="1" applyFont="1" applyFill="1" applyBorder="1" applyAlignment="1">
      <alignment vertical="center"/>
    </xf>
    <xf numFmtId="0" fontId="6" fillId="0" borderId="7" xfId="2" applyFont="1" applyFill="1" applyBorder="1" applyAlignment="1">
      <alignment vertical="center" textRotation="255" shrinkToFit="1"/>
    </xf>
    <xf numFmtId="0" fontId="6" fillId="0" borderId="2" xfId="2" applyFont="1" applyFill="1" applyBorder="1" applyAlignment="1">
      <alignment vertical="center"/>
    </xf>
    <xf numFmtId="0" fontId="6" fillId="0" borderId="7" xfId="0" applyFont="1" applyBorder="1" applyAlignment="1">
      <alignment vertical="center" shrinkToFit="1"/>
    </xf>
    <xf numFmtId="0" fontId="6" fillId="0" borderId="15" xfId="2" applyFont="1" applyFill="1" applyBorder="1" applyAlignment="1">
      <alignment vertical="center"/>
    </xf>
    <xf numFmtId="0" fontId="6" fillId="0" borderId="16" xfId="2" applyFont="1" applyFill="1" applyBorder="1" applyAlignment="1">
      <alignment vertical="center"/>
    </xf>
    <xf numFmtId="178" fontId="6" fillId="0" borderId="2" xfId="0" applyNumberFormat="1" applyFont="1" applyBorder="1" applyAlignment="1">
      <alignment horizontal="center" vertical="center"/>
    </xf>
    <xf numFmtId="178" fontId="6" fillId="0" borderId="3" xfId="0" applyNumberFormat="1" applyFont="1" applyBorder="1" applyAlignment="1">
      <alignment horizontal="center" vertical="center"/>
    </xf>
    <xf numFmtId="178" fontId="6" fillId="0" borderId="4" xfId="0" applyNumberFormat="1" applyFont="1" applyBorder="1" applyAlignment="1">
      <alignment horizontal="center" vertical="center"/>
    </xf>
    <xf numFmtId="178" fontId="6" fillId="0" borderId="5" xfId="0" applyNumberFormat="1" applyFont="1" applyBorder="1" applyAlignment="1">
      <alignment horizontal="center" vertical="center"/>
    </xf>
    <xf numFmtId="178" fontId="6" fillId="0" borderId="6" xfId="0" applyNumberFormat="1" applyFont="1" applyBorder="1" applyAlignment="1">
      <alignment horizontal="center" vertical="center"/>
    </xf>
    <xf numFmtId="178" fontId="6" fillId="0" borderId="15" xfId="0" applyNumberFormat="1" applyFont="1" applyBorder="1" applyAlignment="1">
      <alignment vertical="center"/>
    </xf>
    <xf numFmtId="178" fontId="6" fillId="0" borderId="16" xfId="0" applyNumberFormat="1" applyFont="1" applyBorder="1" applyAlignment="1">
      <alignment vertical="center"/>
    </xf>
    <xf numFmtId="0" fontId="6" fillId="0" borderId="7" xfId="2" applyFont="1" applyFill="1" applyBorder="1" applyAlignment="1">
      <alignment vertical="center"/>
    </xf>
    <xf numFmtId="177" fontId="6" fillId="0" borderId="3" xfId="1" applyNumberFormat="1" applyFont="1" applyFill="1" applyBorder="1" applyAlignment="1">
      <alignment vertical="center"/>
    </xf>
    <xf numFmtId="177" fontId="6" fillId="0" borderId="4" xfId="1" applyNumberFormat="1" applyFont="1" applyFill="1" applyBorder="1" applyAlignment="1">
      <alignment vertical="center"/>
    </xf>
    <xf numFmtId="177" fontId="6" fillId="0" borderId="5" xfId="1" applyNumberFormat="1" applyFont="1" applyFill="1" applyBorder="1" applyAlignment="1">
      <alignment vertical="center"/>
    </xf>
    <xf numFmtId="177" fontId="6" fillId="0" borderId="6" xfId="1" applyNumberFormat="1" applyFont="1" applyFill="1" applyBorder="1" applyAlignment="1">
      <alignment vertical="center"/>
    </xf>
    <xf numFmtId="178" fontId="3" fillId="0" borderId="17" xfId="0" applyNumberFormat="1" applyFont="1" applyBorder="1" applyAlignment="1">
      <alignment vertical="center"/>
    </xf>
    <xf numFmtId="0" fontId="6" fillId="0" borderId="4" xfId="0" applyFont="1" applyBorder="1" applyAlignment="1">
      <alignment horizontal="center" vertical="center"/>
    </xf>
    <xf numFmtId="178" fontId="6" fillId="0" borderId="18" xfId="0" applyNumberFormat="1" applyFont="1" applyBorder="1" applyAlignment="1">
      <alignment vertical="center"/>
    </xf>
    <xf numFmtId="178" fontId="6" fillId="0" borderId="19" xfId="0" applyNumberFormat="1" applyFont="1" applyBorder="1" applyAlignment="1">
      <alignment vertical="center"/>
    </xf>
    <xf numFmtId="178" fontId="6" fillId="0" borderId="1" xfId="0" applyNumberFormat="1" applyFont="1" applyBorder="1" applyAlignment="1">
      <alignment horizontal="center" vertical="center"/>
    </xf>
    <xf numFmtId="177" fontId="6" fillId="0" borderId="1" xfId="1" applyNumberFormat="1" applyFont="1" applyFill="1" applyBorder="1" applyAlignment="1">
      <alignment vertical="center"/>
    </xf>
    <xf numFmtId="177" fontId="6" fillId="0" borderId="8" xfId="1" applyNumberFormat="1" applyFont="1" applyFill="1" applyBorder="1" applyAlignment="1">
      <alignment vertical="center"/>
    </xf>
    <xf numFmtId="177" fontId="6" fillId="0" borderId="7" xfId="1" applyNumberFormat="1" applyFont="1" applyFill="1" applyBorder="1" applyAlignment="1">
      <alignment vertical="center"/>
    </xf>
    <xf numFmtId="177" fontId="6" fillId="0" borderId="2" xfId="1" applyNumberFormat="1" applyFont="1" applyFill="1" applyBorder="1" applyAlignment="1">
      <alignment vertical="center"/>
    </xf>
    <xf numFmtId="0" fontId="6" fillId="0" borderId="7" xfId="0" applyFont="1" applyBorder="1" applyAlignment="1">
      <alignment horizontal="center" vertical="center" shrinkToFit="1"/>
    </xf>
    <xf numFmtId="0" fontId="7" fillId="0" borderId="7" xfId="2" applyFont="1" applyFill="1" applyBorder="1" applyAlignment="1">
      <alignment vertical="center"/>
    </xf>
    <xf numFmtId="0" fontId="6" fillId="0" borderId="6" xfId="0" applyFont="1" applyBorder="1" applyAlignment="1">
      <alignment horizontal="center" vertical="center"/>
    </xf>
    <xf numFmtId="178" fontId="6" fillId="0" borderId="2" xfId="0" applyNumberFormat="1" applyFont="1" applyBorder="1" applyAlignment="1">
      <alignment horizontal="center" vertical="center" wrapText="1"/>
    </xf>
    <xf numFmtId="178" fontId="6" fillId="0" borderId="19" xfId="0" applyNumberFormat="1" applyFont="1" applyBorder="1" applyAlignment="1">
      <alignment horizontal="left" vertical="center"/>
    </xf>
    <xf numFmtId="178" fontId="6" fillId="0" borderId="9" xfId="0" applyNumberFormat="1" applyFont="1" applyBorder="1" applyAlignment="1">
      <alignment horizontal="center" vertical="center"/>
    </xf>
    <xf numFmtId="178" fontId="6" fillId="0" borderId="10" xfId="0" applyNumberFormat="1" applyFont="1" applyBorder="1" applyAlignment="1">
      <alignment horizontal="center" vertical="center"/>
    </xf>
    <xf numFmtId="0" fontId="6" fillId="0" borderId="5" xfId="0" applyFont="1" applyBorder="1" applyAlignment="1">
      <alignment horizontal="center" vertical="center"/>
    </xf>
    <xf numFmtId="0" fontId="6" fillId="0" borderId="1" xfId="0" applyFont="1" applyBorder="1" applyAlignment="1">
      <alignment horizontal="center" vertical="center"/>
    </xf>
    <xf numFmtId="0" fontId="6" fillId="0" borderId="2" xfId="2" applyFont="1" applyFill="1" applyBorder="1" applyAlignment="1">
      <alignment horizontal="center" vertical="center"/>
    </xf>
    <xf numFmtId="0" fontId="6" fillId="0" borderId="7" xfId="2" applyFont="1" applyFill="1" applyBorder="1" applyAlignment="1">
      <alignment horizontal="center" vertical="center" textRotation="255" shrinkToFit="1"/>
    </xf>
    <xf numFmtId="0" fontId="6" fillId="0" borderId="7" xfId="2" applyFont="1" applyFill="1" applyBorder="1" applyAlignment="1">
      <alignment horizontal="center" vertical="center" shrinkToFit="1"/>
    </xf>
  </cellXfs>
  <cellStyles count="3">
    <cellStyle name="桁区切り" xfId="1" builtinId="6"/>
    <cellStyle name="標準" xfId="0" builtinId="0"/>
    <cellStyle name="標準_H17末林業公社造林実績調査表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0"/>
    <pageSetUpPr fitToPage="1"/>
  </sheetPr>
  <dimension ref="A1:Z91"/>
  <sheetViews>
    <sheetView tabSelected="1" zoomScaleNormal="100" zoomScaleSheetLayoutView="166" workbookViewId="0"/>
  </sheetViews>
  <sheetFormatPr defaultColWidth="6.375" defaultRowHeight="13.5" x14ac:dyDescent="0.15"/>
  <cols>
    <col min="1" max="1" width="3.125" style="1" customWidth="1"/>
    <col min="2" max="2" width="7.625" style="1" customWidth="1"/>
    <col min="3" max="3" width="6.625" style="1" customWidth="1"/>
    <col min="4" max="4" width="10.625" style="1" customWidth="1"/>
    <col min="5" max="5" width="9.625" style="1" customWidth="1"/>
    <col min="6" max="6" width="7.75" style="1" customWidth="1"/>
    <col min="7" max="7" width="10.875" style="1" hidden="1" customWidth="1"/>
    <col min="8" max="12" width="5.875" style="12" hidden="1" customWidth="1"/>
    <col min="13" max="13" width="10.625" style="1" customWidth="1"/>
    <col min="14" max="14" width="3.125" style="1" customWidth="1"/>
    <col min="15" max="15" width="7.625" style="1" customWidth="1"/>
    <col min="16" max="16" width="6.625" style="1" customWidth="1"/>
    <col min="17" max="17" width="10.625" style="1" customWidth="1"/>
    <col min="18" max="18" width="9.625" customWidth="1"/>
    <col min="19" max="19" width="6.75" bestFit="1" customWidth="1"/>
    <col min="20" max="20" width="9.625" hidden="1" customWidth="1"/>
    <col min="21" max="21" width="17" hidden="1" customWidth="1"/>
    <col min="22" max="22" width="0" style="1" hidden="1" customWidth="1"/>
    <col min="23" max="23" width="14.125" style="1" hidden="1" customWidth="1"/>
    <col min="24" max="25" width="0" style="1" hidden="1" customWidth="1"/>
    <col min="26" max="26" width="10.625" style="20" customWidth="1"/>
    <col min="27" max="16384" width="6.375" style="1"/>
  </cols>
  <sheetData>
    <row r="1" spans="1:26" ht="21" customHeight="1" x14ac:dyDescent="0.15">
      <c r="A1" s="49" t="s">
        <v>77</v>
      </c>
      <c r="B1" s="50" t="s">
        <v>0</v>
      </c>
      <c r="C1" s="50" t="s">
        <v>61</v>
      </c>
      <c r="D1" s="50" t="s">
        <v>1</v>
      </c>
      <c r="E1" s="61" t="s">
        <v>90</v>
      </c>
      <c r="F1" s="61" t="s">
        <v>90</v>
      </c>
      <c r="G1" s="84" t="s">
        <v>88</v>
      </c>
      <c r="H1" s="84"/>
      <c r="I1" s="84"/>
      <c r="J1" s="84"/>
      <c r="K1" s="84"/>
      <c r="L1" s="84"/>
      <c r="M1" s="84"/>
      <c r="N1" s="85" t="s">
        <v>77</v>
      </c>
      <c r="O1" s="50" t="s">
        <v>0</v>
      </c>
      <c r="P1" s="50" t="s">
        <v>61</v>
      </c>
      <c r="Q1" s="50" t="s">
        <v>1</v>
      </c>
      <c r="R1" s="61" t="s">
        <v>90</v>
      </c>
      <c r="S1" s="61" t="s">
        <v>90</v>
      </c>
      <c r="T1" s="84" t="s">
        <v>88</v>
      </c>
      <c r="U1" s="84"/>
      <c r="V1" s="84"/>
      <c r="W1" s="84"/>
      <c r="X1" s="84"/>
      <c r="Y1" s="84"/>
      <c r="Z1" s="84"/>
    </row>
    <row r="2" spans="1:26" ht="21" customHeight="1" x14ac:dyDescent="0.15">
      <c r="A2" s="49" t="s">
        <v>77</v>
      </c>
      <c r="B2" s="50" t="s">
        <v>0</v>
      </c>
      <c r="C2" s="50" t="s">
        <v>61</v>
      </c>
      <c r="D2" s="50" t="s">
        <v>1</v>
      </c>
      <c r="E2" s="19" t="s">
        <v>3</v>
      </c>
      <c r="F2" s="19" t="s">
        <v>60</v>
      </c>
      <c r="G2" s="21" t="s">
        <v>85</v>
      </c>
      <c r="H2" s="40" t="s">
        <v>80</v>
      </c>
      <c r="I2" s="40" t="s">
        <v>81</v>
      </c>
      <c r="J2" s="40" t="s">
        <v>82</v>
      </c>
      <c r="K2" s="40" t="s">
        <v>83</v>
      </c>
      <c r="L2" s="40" t="s">
        <v>84</v>
      </c>
      <c r="M2" s="21" t="s">
        <v>101</v>
      </c>
      <c r="N2" s="86"/>
      <c r="O2" s="61" t="s">
        <v>0</v>
      </c>
      <c r="P2" s="61" t="s">
        <v>61</v>
      </c>
      <c r="Q2" s="61" t="s">
        <v>1</v>
      </c>
      <c r="R2" s="19" t="s">
        <v>3</v>
      </c>
      <c r="S2" s="19" t="s">
        <v>60</v>
      </c>
      <c r="T2" s="2" t="s">
        <v>85</v>
      </c>
      <c r="U2" s="41" t="s">
        <v>80</v>
      </c>
      <c r="V2" s="41" t="s">
        <v>81</v>
      </c>
      <c r="W2" s="41" t="s">
        <v>82</v>
      </c>
      <c r="X2" s="41" t="s">
        <v>83</v>
      </c>
      <c r="Y2" s="41" t="s">
        <v>84</v>
      </c>
      <c r="Z2" s="21" t="s">
        <v>101</v>
      </c>
    </row>
    <row r="3" spans="1:26" ht="21" customHeight="1" thickBot="1" x14ac:dyDescent="0.2">
      <c r="A3" s="51" t="s">
        <v>78</v>
      </c>
      <c r="B3" s="54" t="s">
        <v>62</v>
      </c>
      <c r="C3" s="54" t="s">
        <v>4</v>
      </c>
      <c r="D3" s="22">
        <v>657.3599999999999</v>
      </c>
      <c r="E3" s="22">
        <v>72.73</v>
      </c>
      <c r="F3" s="22">
        <v>0.2</v>
      </c>
      <c r="G3" s="46" t="e">
        <v>#REF!</v>
      </c>
      <c r="H3" s="47" t="e">
        <v>#REF!</v>
      </c>
      <c r="I3" s="47" t="e">
        <v>#REF!</v>
      </c>
      <c r="J3" s="47" t="e">
        <v>#REF!</v>
      </c>
      <c r="K3" s="47" t="e">
        <v>#REF!</v>
      </c>
      <c r="L3" s="47">
        <v>584.42999999999995</v>
      </c>
      <c r="M3" s="48">
        <v>584.63</v>
      </c>
      <c r="N3" s="51" t="s">
        <v>79</v>
      </c>
      <c r="O3" s="56" t="s">
        <v>70</v>
      </c>
      <c r="P3" s="56" t="s">
        <v>95</v>
      </c>
      <c r="Q3" s="24">
        <v>646.95000000000005</v>
      </c>
      <c r="R3" s="24">
        <v>132.03</v>
      </c>
      <c r="S3" s="24">
        <v>2.29</v>
      </c>
      <c r="T3" s="6" t="e">
        <v>#REF!</v>
      </c>
      <c r="U3" s="14" t="e">
        <v>#REF!</v>
      </c>
      <c r="V3" s="14" t="e">
        <v>#REF!</v>
      </c>
      <c r="W3" s="14" t="e">
        <v>#REF!</v>
      </c>
      <c r="X3" s="14" t="e">
        <v>#REF!</v>
      </c>
      <c r="Y3" s="14">
        <v>512.63</v>
      </c>
      <c r="Z3" s="24">
        <v>514.91999999999996</v>
      </c>
    </row>
    <row r="4" spans="1:26" ht="21" customHeight="1" x14ac:dyDescent="0.15">
      <c r="A4" s="51" t="s">
        <v>78</v>
      </c>
      <c r="B4" s="55" t="s">
        <v>63</v>
      </c>
      <c r="C4" s="55" t="s">
        <v>5</v>
      </c>
      <c r="D4" s="62">
        <v>1102.28</v>
      </c>
      <c r="E4" s="25">
        <v>214.72</v>
      </c>
      <c r="F4" s="25">
        <v>0.48</v>
      </c>
      <c r="G4" s="24" t="e">
        <v>#REF!</v>
      </c>
      <c r="H4" s="27" t="e">
        <v>#REF!</v>
      </c>
      <c r="I4" s="27" t="e">
        <v>#REF!</v>
      </c>
      <c r="J4" s="27" t="e">
        <v>#REF!</v>
      </c>
      <c r="K4" s="27" t="e">
        <v>#REF!</v>
      </c>
      <c r="L4" s="27">
        <v>887.07999999999993</v>
      </c>
      <c r="M4" s="24">
        <v>887.56</v>
      </c>
      <c r="N4" s="51" t="s">
        <v>79</v>
      </c>
      <c r="O4" s="56" t="s">
        <v>70</v>
      </c>
      <c r="P4" s="56" t="s">
        <v>35</v>
      </c>
      <c r="Q4" s="63">
        <v>1073.3900000000001</v>
      </c>
      <c r="R4" s="24">
        <v>105.3</v>
      </c>
      <c r="S4" s="24">
        <v>0</v>
      </c>
      <c r="T4" s="6" t="e">
        <v>#REF!</v>
      </c>
      <c r="U4" s="14" t="e">
        <v>#REF!</v>
      </c>
      <c r="V4" s="14" t="e">
        <v>#REF!</v>
      </c>
      <c r="W4" s="14" t="e">
        <v>#REF!</v>
      </c>
      <c r="X4" s="14" t="e">
        <v>#REF!</v>
      </c>
      <c r="Y4" s="14">
        <v>968.09</v>
      </c>
      <c r="Z4" s="24">
        <v>968.09</v>
      </c>
    </row>
    <row r="5" spans="1:26" ht="21" customHeight="1" x14ac:dyDescent="0.15">
      <c r="A5" s="51" t="s">
        <v>78</v>
      </c>
      <c r="B5" s="56" t="s">
        <v>63</v>
      </c>
      <c r="C5" s="56" t="s">
        <v>91</v>
      </c>
      <c r="D5" s="63">
        <v>616.75</v>
      </c>
      <c r="E5" s="24">
        <v>110.34</v>
      </c>
      <c r="F5" s="24">
        <v>0</v>
      </c>
      <c r="G5" s="24" t="e">
        <v>#REF!</v>
      </c>
      <c r="H5" s="27" t="e">
        <v>#REF!</v>
      </c>
      <c r="I5" s="27" t="e">
        <v>#REF!</v>
      </c>
      <c r="J5" s="27" t="e">
        <v>#REF!</v>
      </c>
      <c r="K5" s="27" t="e">
        <v>#REF!</v>
      </c>
      <c r="L5" s="27">
        <v>506.41</v>
      </c>
      <c r="M5" s="24">
        <v>506.41</v>
      </c>
      <c r="N5" s="51" t="s">
        <v>79</v>
      </c>
      <c r="O5" s="56" t="s">
        <v>70</v>
      </c>
      <c r="P5" s="56" t="s">
        <v>36</v>
      </c>
      <c r="Q5" s="24">
        <v>554.23999999999967</v>
      </c>
      <c r="R5" s="24">
        <v>46.689999999999657</v>
      </c>
      <c r="S5" s="24">
        <v>0.48</v>
      </c>
      <c r="T5" s="6" t="e">
        <v>#REF!</v>
      </c>
      <c r="U5" s="14" t="e">
        <v>#REF!</v>
      </c>
      <c r="V5" s="14" t="e">
        <v>#REF!</v>
      </c>
      <c r="W5" s="14" t="e">
        <v>#REF!</v>
      </c>
      <c r="X5" s="14" t="e">
        <v>#REF!</v>
      </c>
      <c r="Y5" s="14">
        <v>507.07</v>
      </c>
      <c r="Z5" s="24">
        <v>507.55</v>
      </c>
    </row>
    <row r="6" spans="1:26" ht="21" customHeight="1" x14ac:dyDescent="0.15">
      <c r="A6" s="51" t="s">
        <v>78</v>
      </c>
      <c r="B6" s="57" t="s">
        <v>63</v>
      </c>
      <c r="C6" s="57" t="s">
        <v>2</v>
      </c>
      <c r="D6" s="64">
        <v>1719.03</v>
      </c>
      <c r="E6" s="28">
        <v>325.06</v>
      </c>
      <c r="F6" s="28">
        <v>0.48</v>
      </c>
      <c r="G6" s="28" t="e">
        <v>#REF!</v>
      </c>
      <c r="H6" s="29" t="e">
        <v>#REF!</v>
      </c>
      <c r="I6" s="29" t="e">
        <v>#REF!</v>
      </c>
      <c r="J6" s="29" t="e">
        <v>#REF!</v>
      </c>
      <c r="K6" s="29" t="e">
        <v>#REF!</v>
      </c>
      <c r="L6" s="29">
        <v>1393.49</v>
      </c>
      <c r="M6" s="64">
        <v>1393.97</v>
      </c>
      <c r="N6" s="51" t="s">
        <v>79</v>
      </c>
      <c r="O6" s="56" t="s">
        <v>70</v>
      </c>
      <c r="P6" s="56" t="s">
        <v>37</v>
      </c>
      <c r="Q6" s="63">
        <v>1148.95</v>
      </c>
      <c r="R6" s="24">
        <v>155.33000000000001</v>
      </c>
      <c r="S6" s="24">
        <v>0.31</v>
      </c>
      <c r="T6" s="6" t="e">
        <v>#REF!</v>
      </c>
      <c r="U6" s="14" t="e">
        <v>#REF!</v>
      </c>
      <c r="V6" s="14" t="e">
        <v>#REF!</v>
      </c>
      <c r="W6" s="14" t="e">
        <v>#REF!</v>
      </c>
      <c r="X6" s="14" t="e">
        <v>#REF!</v>
      </c>
      <c r="Y6" s="14">
        <v>993.31000000000006</v>
      </c>
      <c r="Z6" s="24">
        <v>993.62</v>
      </c>
    </row>
    <row r="7" spans="1:26" ht="21" customHeight="1" x14ac:dyDescent="0.15">
      <c r="A7" s="51" t="s">
        <v>78</v>
      </c>
      <c r="B7" s="56" t="s">
        <v>64</v>
      </c>
      <c r="C7" s="55" t="s">
        <v>6</v>
      </c>
      <c r="D7" s="25">
        <v>959.1</v>
      </c>
      <c r="E7" s="25">
        <v>126.98</v>
      </c>
      <c r="F7" s="25">
        <v>1.24</v>
      </c>
      <c r="G7" s="24" t="e">
        <v>#REF!</v>
      </c>
      <c r="H7" s="27" t="e">
        <v>#REF!</v>
      </c>
      <c r="I7" s="27" t="e">
        <v>#REF!</v>
      </c>
      <c r="J7" s="27" t="e">
        <v>#REF!</v>
      </c>
      <c r="K7" s="27" t="e">
        <v>#REF!</v>
      </c>
      <c r="L7" s="27">
        <v>830.88</v>
      </c>
      <c r="M7" s="24">
        <v>832.12</v>
      </c>
      <c r="N7" s="51" t="s">
        <v>79</v>
      </c>
      <c r="O7" s="57" t="s">
        <v>70</v>
      </c>
      <c r="P7" s="57" t="s">
        <v>2</v>
      </c>
      <c r="Q7" s="64">
        <v>4630.5599999999995</v>
      </c>
      <c r="R7" s="28">
        <v>639.1999999999997</v>
      </c>
      <c r="S7" s="28">
        <v>5.4300000000000006</v>
      </c>
      <c r="T7" s="42" t="e">
        <v>#REF!</v>
      </c>
      <c r="U7" s="43" t="e">
        <v>#REF!</v>
      </c>
      <c r="V7" s="43" t="e">
        <v>#REF!</v>
      </c>
      <c r="W7" s="43" t="e">
        <v>#REF!</v>
      </c>
      <c r="X7" s="43" t="e">
        <v>#REF!</v>
      </c>
      <c r="Y7" s="43">
        <v>3985.9300000000003</v>
      </c>
      <c r="Z7" s="64">
        <v>3991.36</v>
      </c>
    </row>
    <row r="8" spans="1:26" ht="21" customHeight="1" x14ac:dyDescent="0.15">
      <c r="A8" s="51" t="s">
        <v>78</v>
      </c>
      <c r="B8" s="56" t="s">
        <v>89</v>
      </c>
      <c r="C8" s="56" t="s">
        <v>7</v>
      </c>
      <c r="D8" s="24">
        <v>237.54999999999998</v>
      </c>
      <c r="E8" s="24">
        <v>19.869999999999976</v>
      </c>
      <c r="F8" s="24">
        <v>0.51</v>
      </c>
      <c r="G8" s="24" t="e">
        <v>#REF!</v>
      </c>
      <c r="H8" s="27" t="e">
        <v>#REF!</v>
      </c>
      <c r="I8" s="27" t="e">
        <v>#REF!</v>
      </c>
      <c r="J8" s="27" t="e">
        <v>#REF!</v>
      </c>
      <c r="K8" s="27" t="e">
        <v>#REF!</v>
      </c>
      <c r="L8" s="27">
        <v>217.17000000000002</v>
      </c>
      <c r="M8" s="24">
        <v>217.68</v>
      </c>
      <c r="N8" s="51" t="s">
        <v>79</v>
      </c>
      <c r="O8" s="56" t="s">
        <v>71</v>
      </c>
      <c r="P8" s="56" t="s">
        <v>33</v>
      </c>
      <c r="Q8" s="25">
        <v>915.24</v>
      </c>
      <c r="R8" s="25">
        <v>115.48</v>
      </c>
      <c r="S8" s="25">
        <v>2.06</v>
      </c>
      <c r="T8" s="6" t="e">
        <v>#REF!</v>
      </c>
      <c r="U8" s="14" t="e">
        <v>#REF!</v>
      </c>
      <c r="V8" s="14" t="e">
        <v>#REF!</v>
      </c>
      <c r="W8" s="14" t="e">
        <v>#REF!</v>
      </c>
      <c r="X8" s="14" t="e">
        <v>#REF!</v>
      </c>
      <c r="Y8" s="14">
        <v>797.7</v>
      </c>
      <c r="Z8" s="24">
        <v>799.76</v>
      </c>
    </row>
    <row r="9" spans="1:26" ht="21" customHeight="1" x14ac:dyDescent="0.15">
      <c r="A9" s="51" t="s">
        <v>78</v>
      </c>
      <c r="B9" s="56" t="s">
        <v>89</v>
      </c>
      <c r="C9" s="56" t="s">
        <v>8</v>
      </c>
      <c r="D9" s="24">
        <v>821.08</v>
      </c>
      <c r="E9" s="24">
        <v>131.97</v>
      </c>
      <c r="F9" s="24">
        <v>0.14000000000000001</v>
      </c>
      <c r="G9" s="24" t="e">
        <v>#REF!</v>
      </c>
      <c r="H9" s="27" t="e">
        <v>#REF!</v>
      </c>
      <c r="I9" s="27" t="e">
        <v>#REF!</v>
      </c>
      <c r="J9" s="27" t="e">
        <v>#REF!</v>
      </c>
      <c r="K9" s="27" t="e">
        <v>#REF!</v>
      </c>
      <c r="L9" s="27">
        <v>688.97</v>
      </c>
      <c r="M9" s="24">
        <v>689.11</v>
      </c>
      <c r="N9" s="51" t="s">
        <v>79</v>
      </c>
      <c r="O9" s="56" t="s">
        <v>71</v>
      </c>
      <c r="P9" s="56" t="s">
        <v>34</v>
      </c>
      <c r="Q9" s="24">
        <v>960.22</v>
      </c>
      <c r="R9" s="24">
        <v>101.36</v>
      </c>
      <c r="S9" s="24">
        <v>1.47</v>
      </c>
      <c r="T9" s="6" t="e">
        <v>#REF!</v>
      </c>
      <c r="U9" s="14" t="e">
        <v>#REF!</v>
      </c>
      <c r="V9" s="14" t="e">
        <v>#REF!</v>
      </c>
      <c r="W9" s="14" t="e">
        <v>#REF!</v>
      </c>
      <c r="X9" s="14" t="e">
        <v>#REF!</v>
      </c>
      <c r="Y9" s="14">
        <v>857.39</v>
      </c>
      <c r="Z9" s="24">
        <v>858.86</v>
      </c>
    </row>
    <row r="10" spans="1:26" ht="21" customHeight="1" x14ac:dyDescent="0.15">
      <c r="A10" s="51" t="s">
        <v>78</v>
      </c>
      <c r="B10" s="56" t="s">
        <v>89</v>
      </c>
      <c r="C10" s="57" t="s">
        <v>2</v>
      </c>
      <c r="D10" s="64">
        <v>2017.73</v>
      </c>
      <c r="E10" s="28">
        <v>278.81999999999994</v>
      </c>
      <c r="F10" s="28">
        <v>1.8900000000000001</v>
      </c>
      <c r="G10" s="28" t="e">
        <v>#REF!</v>
      </c>
      <c r="H10" s="29" t="e">
        <v>#REF!</v>
      </c>
      <c r="I10" s="29" t="e">
        <v>#REF!</v>
      </c>
      <c r="J10" s="29" t="e">
        <v>#REF!</v>
      </c>
      <c r="K10" s="29" t="e">
        <v>#REF!</v>
      </c>
      <c r="L10" s="29">
        <v>1737.02</v>
      </c>
      <c r="M10" s="64">
        <v>1738.91</v>
      </c>
      <c r="N10" s="51" t="s">
        <v>79</v>
      </c>
      <c r="O10" s="56" t="s">
        <v>71</v>
      </c>
      <c r="P10" s="67" t="s">
        <v>2</v>
      </c>
      <c r="Q10" s="64">
        <v>1875.46</v>
      </c>
      <c r="R10" s="28">
        <v>216.84</v>
      </c>
      <c r="S10" s="28">
        <v>3.5300000000000002</v>
      </c>
      <c r="T10" s="7" t="e">
        <v>#REF!</v>
      </c>
      <c r="U10" s="15" t="e">
        <v>#REF!</v>
      </c>
      <c r="V10" s="15" t="e">
        <v>#REF!</v>
      </c>
      <c r="W10" s="15" t="e">
        <v>#REF!</v>
      </c>
      <c r="X10" s="15" t="e">
        <v>#REF!</v>
      </c>
      <c r="Y10" s="15">
        <v>1655.0900000000001</v>
      </c>
      <c r="Z10" s="64">
        <v>1658.6200000000001</v>
      </c>
    </row>
    <row r="11" spans="1:26" ht="21" customHeight="1" x14ac:dyDescent="0.15">
      <c r="A11" s="51" t="s">
        <v>78</v>
      </c>
      <c r="B11" s="55" t="s">
        <v>65</v>
      </c>
      <c r="C11" s="55" t="s">
        <v>16</v>
      </c>
      <c r="D11" s="62">
        <v>1685.2599999999998</v>
      </c>
      <c r="E11" s="25">
        <v>417.16</v>
      </c>
      <c r="F11" s="25">
        <v>7.1499999999999995</v>
      </c>
      <c r="G11" s="24" t="e">
        <v>#REF!</v>
      </c>
      <c r="H11" s="27" t="e">
        <v>#REF!</v>
      </c>
      <c r="I11" s="27" t="e">
        <v>#REF!</v>
      </c>
      <c r="J11" s="27" t="e">
        <v>#REF!</v>
      </c>
      <c r="K11" s="27" t="e">
        <v>#REF!</v>
      </c>
      <c r="L11" s="27">
        <v>1260.9499999999998</v>
      </c>
      <c r="M11" s="63">
        <v>1268.0999999999999</v>
      </c>
      <c r="N11" s="51" t="s">
        <v>79</v>
      </c>
      <c r="O11" s="55" t="s">
        <v>72</v>
      </c>
      <c r="P11" s="55" t="s">
        <v>38</v>
      </c>
      <c r="Q11" s="25">
        <v>851.30000000000007</v>
      </c>
      <c r="R11" s="25">
        <v>100.48</v>
      </c>
      <c r="S11" s="25">
        <v>0.39</v>
      </c>
      <c r="T11" s="5" t="e">
        <v>#REF!</v>
      </c>
      <c r="U11" s="13" t="e">
        <v>#REF!</v>
      </c>
      <c r="V11" s="13" t="e">
        <v>#REF!</v>
      </c>
      <c r="W11" s="13" t="e">
        <v>#REF!</v>
      </c>
      <c r="X11" s="13" t="e">
        <v>#REF!</v>
      </c>
      <c r="Y11" s="13">
        <v>750.43000000000006</v>
      </c>
      <c r="Z11" s="24">
        <v>750.82</v>
      </c>
    </row>
    <row r="12" spans="1:26" ht="21" customHeight="1" x14ac:dyDescent="0.15">
      <c r="A12" s="51" t="s">
        <v>78</v>
      </c>
      <c r="B12" s="56" t="s">
        <v>65</v>
      </c>
      <c r="C12" s="56" t="s">
        <v>17</v>
      </c>
      <c r="D12" s="24">
        <v>65.299999999999983</v>
      </c>
      <c r="E12" s="24">
        <v>24.759999999999991</v>
      </c>
      <c r="F12" s="24">
        <v>0</v>
      </c>
      <c r="G12" s="24" t="e">
        <v>#REF!</v>
      </c>
      <c r="H12" s="27" t="e">
        <v>#REF!</v>
      </c>
      <c r="I12" s="27" t="e">
        <v>#REF!</v>
      </c>
      <c r="J12" s="27" t="e">
        <v>#REF!</v>
      </c>
      <c r="K12" s="27" t="e">
        <v>#REF!</v>
      </c>
      <c r="L12" s="27">
        <v>40.54</v>
      </c>
      <c r="M12" s="24">
        <v>40.54</v>
      </c>
      <c r="N12" s="51" t="s">
        <v>79</v>
      </c>
      <c r="O12" s="56" t="s">
        <v>72</v>
      </c>
      <c r="P12" s="56" t="s">
        <v>39</v>
      </c>
      <c r="Q12" s="24">
        <v>703.03</v>
      </c>
      <c r="R12" s="24">
        <v>107.22</v>
      </c>
      <c r="S12" s="24">
        <v>0</v>
      </c>
      <c r="T12" s="6" t="e">
        <v>#REF!</v>
      </c>
      <c r="U12" s="14" t="e">
        <v>#REF!</v>
      </c>
      <c r="V12" s="14" t="e">
        <v>#REF!</v>
      </c>
      <c r="W12" s="14" t="e">
        <v>#REF!</v>
      </c>
      <c r="X12" s="14" t="e">
        <v>#REF!</v>
      </c>
      <c r="Y12" s="14">
        <v>595.80999999999995</v>
      </c>
      <c r="Z12" s="24">
        <v>595.80999999999995</v>
      </c>
    </row>
    <row r="13" spans="1:26" ht="21" customHeight="1" x14ac:dyDescent="0.15">
      <c r="A13" s="51" t="s">
        <v>78</v>
      </c>
      <c r="B13" s="56" t="s">
        <v>65</v>
      </c>
      <c r="C13" s="56" t="s">
        <v>18</v>
      </c>
      <c r="D13" s="24">
        <v>130.49</v>
      </c>
      <c r="E13" s="24">
        <v>20.840000000000018</v>
      </c>
      <c r="F13" s="24">
        <v>0.14000000000000001</v>
      </c>
      <c r="G13" s="24" t="e">
        <v>#REF!</v>
      </c>
      <c r="H13" s="27" t="e">
        <v>#REF!</v>
      </c>
      <c r="I13" s="27" t="e">
        <v>#REF!</v>
      </c>
      <c r="J13" s="27" t="e">
        <v>#REF!</v>
      </c>
      <c r="K13" s="27" t="e">
        <v>#REF!</v>
      </c>
      <c r="L13" s="27">
        <v>109.51</v>
      </c>
      <c r="M13" s="24">
        <v>109.65</v>
      </c>
      <c r="N13" s="51" t="s">
        <v>79</v>
      </c>
      <c r="O13" s="58" t="s">
        <v>72</v>
      </c>
      <c r="P13" s="77" t="s">
        <v>2</v>
      </c>
      <c r="Q13" s="65">
        <v>1554.33</v>
      </c>
      <c r="R13" s="30">
        <v>207.7</v>
      </c>
      <c r="S13" s="30">
        <v>0.39</v>
      </c>
      <c r="T13" s="8" t="e">
        <v>#REF!</v>
      </c>
      <c r="U13" s="16" t="e">
        <v>#REF!</v>
      </c>
      <c r="V13" s="16" t="e">
        <v>#REF!</v>
      </c>
      <c r="W13" s="16" t="e">
        <v>#REF!</v>
      </c>
      <c r="X13" s="16" t="e">
        <v>#REF!</v>
      </c>
      <c r="Y13" s="16">
        <v>1346.24</v>
      </c>
      <c r="Z13" s="65">
        <v>1346.63</v>
      </c>
    </row>
    <row r="14" spans="1:26" ht="21" customHeight="1" x14ac:dyDescent="0.15">
      <c r="A14" s="51" t="s">
        <v>78</v>
      </c>
      <c r="B14" s="58" t="s">
        <v>65</v>
      </c>
      <c r="C14" s="58" t="s">
        <v>2</v>
      </c>
      <c r="D14" s="65">
        <v>1881.0499999999997</v>
      </c>
      <c r="E14" s="30">
        <v>462.76000000000005</v>
      </c>
      <c r="F14" s="30">
        <v>7.2899999999999991</v>
      </c>
      <c r="G14" s="30" t="e">
        <v>#REF!</v>
      </c>
      <c r="H14" s="31" t="e">
        <v>#REF!</v>
      </c>
      <c r="I14" s="31" t="e">
        <v>#REF!</v>
      </c>
      <c r="J14" s="31" t="e">
        <v>#REF!</v>
      </c>
      <c r="K14" s="31" t="e">
        <v>#REF!</v>
      </c>
      <c r="L14" s="31">
        <v>1410.9999999999998</v>
      </c>
      <c r="M14" s="65">
        <v>1418.2899999999997</v>
      </c>
      <c r="N14" s="51" t="s">
        <v>79</v>
      </c>
      <c r="O14" s="59" t="s">
        <v>10</v>
      </c>
      <c r="P14" s="68" t="s">
        <v>93</v>
      </c>
      <c r="Q14" s="71">
        <v>8060.35</v>
      </c>
      <c r="R14" s="71">
        <v>1063.7399999999998</v>
      </c>
      <c r="S14" s="32">
        <v>9.3500000000000014</v>
      </c>
      <c r="T14" s="9" t="e">
        <v>#REF!</v>
      </c>
      <c r="U14" s="17" t="e">
        <v>#REF!</v>
      </c>
      <c r="V14" s="17" t="e">
        <v>#REF!</v>
      </c>
      <c r="W14" s="17" t="e">
        <v>#REF!</v>
      </c>
      <c r="X14" s="17" t="e">
        <v>#REF!</v>
      </c>
      <c r="Y14" s="17">
        <v>6987.26</v>
      </c>
      <c r="Z14" s="71">
        <v>6996.6100000000006</v>
      </c>
    </row>
    <row r="15" spans="1:26" ht="21" customHeight="1" x14ac:dyDescent="0.15">
      <c r="A15" s="51" t="s">
        <v>78</v>
      </c>
      <c r="B15" s="59" t="s">
        <v>10</v>
      </c>
      <c r="C15" s="66" t="s">
        <v>10</v>
      </c>
      <c r="D15" s="72">
        <v>6275.1699999999992</v>
      </c>
      <c r="E15" s="72">
        <v>1139.3699999999999</v>
      </c>
      <c r="F15" s="33">
        <v>9.86</v>
      </c>
      <c r="G15" s="32" t="e">
        <v>#REF!</v>
      </c>
      <c r="H15" s="35" t="e">
        <v>#REF!</v>
      </c>
      <c r="I15" s="35" t="e">
        <v>#REF!</v>
      </c>
      <c r="J15" s="35" t="e">
        <v>#REF!</v>
      </c>
      <c r="K15" s="35" t="e">
        <v>#REF!</v>
      </c>
      <c r="L15" s="35">
        <v>5125.9399999999996</v>
      </c>
      <c r="M15" s="63">
        <v>5135.7999999999993</v>
      </c>
      <c r="N15" s="51" t="s">
        <v>79</v>
      </c>
      <c r="O15" s="78" t="s">
        <v>73</v>
      </c>
      <c r="P15" s="54" t="s">
        <v>40</v>
      </c>
      <c r="Q15" s="22">
        <v>260.08</v>
      </c>
      <c r="R15" s="22">
        <v>130.04</v>
      </c>
      <c r="S15" s="22">
        <v>0.42</v>
      </c>
      <c r="T15" s="4" t="e">
        <v>#REF!</v>
      </c>
      <c r="U15" s="11" t="e">
        <v>#REF!</v>
      </c>
      <c r="V15" s="11" t="e">
        <v>#REF!</v>
      </c>
      <c r="W15" s="11" t="e">
        <v>#REF!</v>
      </c>
      <c r="X15" s="11" t="e">
        <v>#REF!</v>
      </c>
      <c r="Y15" s="11">
        <v>129.62</v>
      </c>
      <c r="Z15" s="24">
        <v>130.04</v>
      </c>
    </row>
    <row r="16" spans="1:26" ht="21" customHeight="1" x14ac:dyDescent="0.15">
      <c r="A16" s="51" t="s">
        <v>78</v>
      </c>
      <c r="B16" s="54" t="s">
        <v>66</v>
      </c>
      <c r="C16" s="54" t="s">
        <v>11</v>
      </c>
      <c r="D16" s="24">
        <v>438.95999999999987</v>
      </c>
      <c r="E16" s="24">
        <v>76.07999999999987</v>
      </c>
      <c r="F16" s="24">
        <v>0.56999999999999995</v>
      </c>
      <c r="G16" s="24" t="e">
        <v>#REF!</v>
      </c>
      <c r="H16" s="27" t="e">
        <v>#REF!</v>
      </c>
      <c r="I16" s="27" t="e">
        <v>#REF!</v>
      </c>
      <c r="J16" s="27" t="e">
        <v>#REF!</v>
      </c>
      <c r="K16" s="27" t="e">
        <v>#REF!</v>
      </c>
      <c r="L16" s="27">
        <v>362.31</v>
      </c>
      <c r="M16" s="22">
        <v>362.88</v>
      </c>
      <c r="N16" s="51" t="s">
        <v>79</v>
      </c>
      <c r="O16" s="56" t="s">
        <v>73</v>
      </c>
      <c r="P16" s="56" t="s">
        <v>41</v>
      </c>
      <c r="Q16" s="24">
        <v>165.07</v>
      </c>
      <c r="R16" s="24">
        <v>102.77</v>
      </c>
      <c r="S16" s="24">
        <v>0</v>
      </c>
      <c r="T16" s="6" t="e">
        <v>#REF!</v>
      </c>
      <c r="U16" s="14" t="e">
        <v>#REF!</v>
      </c>
      <c r="V16" s="14" t="e">
        <v>#REF!</v>
      </c>
      <c r="W16" s="14" t="e">
        <v>#REF!</v>
      </c>
      <c r="X16" s="14" t="e">
        <v>#REF!</v>
      </c>
      <c r="Y16" s="14">
        <v>62.3</v>
      </c>
      <c r="Z16" s="24">
        <v>62.3</v>
      </c>
    </row>
    <row r="17" spans="1:26" ht="21" customHeight="1" x14ac:dyDescent="0.15">
      <c r="A17" s="51" t="s">
        <v>78</v>
      </c>
      <c r="B17" s="56" t="s">
        <v>66</v>
      </c>
      <c r="C17" s="56" t="s">
        <v>92</v>
      </c>
      <c r="D17" s="24">
        <v>937.14999999999975</v>
      </c>
      <c r="E17" s="24">
        <v>251.77999999999975</v>
      </c>
      <c r="F17" s="24">
        <v>2.7899999999999996</v>
      </c>
      <c r="G17" s="24" t="e">
        <v>#REF!</v>
      </c>
      <c r="H17" s="27" t="e">
        <v>#REF!</v>
      </c>
      <c r="I17" s="27" t="e">
        <v>#REF!</v>
      </c>
      <c r="J17" s="27" t="e">
        <v>#REF!</v>
      </c>
      <c r="K17" s="27" t="e">
        <v>#REF!</v>
      </c>
      <c r="L17" s="27">
        <v>682.58</v>
      </c>
      <c r="M17" s="24">
        <v>685.37</v>
      </c>
      <c r="N17" s="51" t="s">
        <v>79</v>
      </c>
      <c r="O17" s="56" t="s">
        <v>73</v>
      </c>
      <c r="P17" s="56" t="s">
        <v>43</v>
      </c>
      <c r="Q17" s="24">
        <v>742.41000000000008</v>
      </c>
      <c r="R17" s="24">
        <v>135.54</v>
      </c>
      <c r="S17" s="24">
        <v>0.54</v>
      </c>
      <c r="T17" s="6" t="e">
        <v>#REF!</v>
      </c>
      <c r="U17" s="14" t="e">
        <v>#REF!</v>
      </c>
      <c r="V17" s="14" t="e">
        <v>#REF!</v>
      </c>
      <c r="W17" s="14" t="e">
        <v>#REF!</v>
      </c>
      <c r="X17" s="14" t="e">
        <v>#REF!</v>
      </c>
      <c r="Y17" s="14">
        <v>606.33000000000004</v>
      </c>
      <c r="Z17" s="24">
        <v>606.87</v>
      </c>
    </row>
    <row r="18" spans="1:26" ht="21" customHeight="1" x14ac:dyDescent="0.15">
      <c r="A18" s="51" t="s">
        <v>78</v>
      </c>
      <c r="B18" s="56" t="s">
        <v>66</v>
      </c>
      <c r="C18" s="56" t="s">
        <v>13</v>
      </c>
      <c r="D18" s="24">
        <v>642.25</v>
      </c>
      <c r="E18" s="24">
        <v>128.60000000000002</v>
      </c>
      <c r="F18" s="24">
        <v>1.2</v>
      </c>
      <c r="G18" s="24" t="e">
        <v>#REF!</v>
      </c>
      <c r="H18" s="27" t="e">
        <v>#REF!</v>
      </c>
      <c r="I18" s="27" t="e">
        <v>#REF!</v>
      </c>
      <c r="J18" s="27" t="e">
        <v>#REF!</v>
      </c>
      <c r="K18" s="27" t="e">
        <v>#REF!</v>
      </c>
      <c r="L18" s="27">
        <v>512.44999999999993</v>
      </c>
      <c r="M18" s="24">
        <v>513.65</v>
      </c>
      <c r="N18" s="51" t="s">
        <v>79</v>
      </c>
      <c r="O18" s="56" t="s">
        <v>73</v>
      </c>
      <c r="P18" s="56" t="s">
        <v>44</v>
      </c>
      <c r="Q18" s="24">
        <v>0</v>
      </c>
      <c r="R18" s="24">
        <v>0</v>
      </c>
      <c r="S18" s="24">
        <v>0</v>
      </c>
      <c r="T18" s="6" t="e">
        <v>#REF!</v>
      </c>
      <c r="U18" s="14" t="e">
        <v>#REF!</v>
      </c>
      <c r="V18" s="14" t="e">
        <v>#REF!</v>
      </c>
      <c r="W18" s="14" t="e">
        <v>#REF!</v>
      </c>
      <c r="X18" s="14" t="e">
        <v>#REF!</v>
      </c>
      <c r="Y18" s="14">
        <v>0</v>
      </c>
      <c r="Z18" s="24">
        <v>0</v>
      </c>
    </row>
    <row r="19" spans="1:26" ht="21" customHeight="1" x14ac:dyDescent="0.15">
      <c r="A19" s="51" t="s">
        <v>78</v>
      </c>
      <c r="B19" s="56" t="s">
        <v>66</v>
      </c>
      <c r="C19" s="56" t="s">
        <v>14</v>
      </c>
      <c r="D19" s="24">
        <v>697.63</v>
      </c>
      <c r="E19" s="24">
        <v>91.2</v>
      </c>
      <c r="F19" s="24">
        <v>0.18</v>
      </c>
      <c r="G19" s="24" t="e">
        <v>#REF!</v>
      </c>
      <c r="H19" s="27" t="e">
        <v>#REF!</v>
      </c>
      <c r="I19" s="27" t="e">
        <v>#REF!</v>
      </c>
      <c r="J19" s="27" t="e">
        <v>#REF!</v>
      </c>
      <c r="K19" s="27" t="e">
        <v>#REF!</v>
      </c>
      <c r="L19" s="27">
        <v>606.25</v>
      </c>
      <c r="M19" s="24">
        <v>606.42999999999995</v>
      </c>
      <c r="N19" s="51" t="s">
        <v>79</v>
      </c>
      <c r="O19" s="56" t="s">
        <v>73</v>
      </c>
      <c r="P19" s="56" t="s">
        <v>45</v>
      </c>
      <c r="Q19" s="24">
        <v>0</v>
      </c>
      <c r="R19" s="24">
        <v>0</v>
      </c>
      <c r="S19" s="24">
        <v>0</v>
      </c>
      <c r="T19" s="6" t="e">
        <v>#REF!</v>
      </c>
      <c r="U19" s="14" t="e">
        <v>#REF!</v>
      </c>
      <c r="V19" s="14" t="e">
        <v>#REF!</v>
      </c>
      <c r="W19" s="14" t="e">
        <v>#REF!</v>
      </c>
      <c r="X19" s="14" t="e">
        <v>#REF!</v>
      </c>
      <c r="Y19" s="14">
        <v>0</v>
      </c>
      <c r="Z19" s="24">
        <v>0</v>
      </c>
    </row>
    <row r="20" spans="1:26" ht="21" customHeight="1" x14ac:dyDescent="0.15">
      <c r="A20" s="51" t="s">
        <v>78</v>
      </c>
      <c r="B20" s="56" t="s">
        <v>66</v>
      </c>
      <c r="C20" s="56" t="s">
        <v>15</v>
      </c>
      <c r="D20" s="24">
        <v>188.85</v>
      </c>
      <c r="E20" s="24">
        <v>24.09</v>
      </c>
      <c r="F20" s="24">
        <v>0</v>
      </c>
      <c r="G20" s="24" t="e">
        <v>#REF!</v>
      </c>
      <c r="H20" s="27" t="e">
        <v>#REF!</v>
      </c>
      <c r="I20" s="27" t="e">
        <v>#REF!</v>
      </c>
      <c r="J20" s="27" t="e">
        <v>#REF!</v>
      </c>
      <c r="K20" s="27" t="e">
        <v>#REF!</v>
      </c>
      <c r="L20" s="27">
        <v>164.76</v>
      </c>
      <c r="M20" s="24">
        <v>164.76</v>
      </c>
      <c r="N20" s="51" t="s">
        <v>79</v>
      </c>
      <c r="O20" s="56" t="s">
        <v>73</v>
      </c>
      <c r="P20" s="56" t="s">
        <v>46</v>
      </c>
      <c r="Q20" s="24">
        <v>196.51</v>
      </c>
      <c r="R20" s="24">
        <v>133.91999999999999</v>
      </c>
      <c r="S20" s="24">
        <v>0.1</v>
      </c>
      <c r="T20" s="6" t="e">
        <v>#REF!</v>
      </c>
      <c r="U20" s="14" t="e">
        <v>#REF!</v>
      </c>
      <c r="V20" s="14" t="e">
        <v>#REF!</v>
      </c>
      <c r="W20" s="14" t="e">
        <v>#REF!</v>
      </c>
      <c r="X20" s="14" t="e">
        <v>#REF!</v>
      </c>
      <c r="Y20" s="14">
        <v>62.49</v>
      </c>
      <c r="Z20" s="24">
        <v>62.59</v>
      </c>
    </row>
    <row r="21" spans="1:26" ht="21" customHeight="1" x14ac:dyDescent="0.15">
      <c r="A21" s="51" t="s">
        <v>78</v>
      </c>
      <c r="B21" s="56" t="s">
        <v>66</v>
      </c>
      <c r="C21" s="67" t="s">
        <v>2</v>
      </c>
      <c r="D21" s="64">
        <v>2904.84</v>
      </c>
      <c r="E21" s="28">
        <v>571.74999999999966</v>
      </c>
      <c r="F21" s="28">
        <v>4.7399999999999993</v>
      </c>
      <c r="G21" s="28" t="e">
        <v>#REF!</v>
      </c>
      <c r="H21" s="29" t="e">
        <v>#REF!</v>
      </c>
      <c r="I21" s="29" t="e">
        <v>#REF!</v>
      </c>
      <c r="J21" s="29" t="e">
        <v>#REF!</v>
      </c>
      <c r="K21" s="29" t="e">
        <v>#REF!</v>
      </c>
      <c r="L21" s="29">
        <v>2328.3500000000004</v>
      </c>
      <c r="M21" s="64">
        <v>2333.09</v>
      </c>
      <c r="N21" s="51" t="s">
        <v>79</v>
      </c>
      <c r="O21" s="56" t="s">
        <v>73</v>
      </c>
      <c r="P21" s="56" t="s">
        <v>42</v>
      </c>
      <c r="Q21" s="24">
        <v>37.14</v>
      </c>
      <c r="R21" s="24">
        <v>13.66</v>
      </c>
      <c r="S21" s="24">
        <v>0.12</v>
      </c>
      <c r="T21" s="6" t="e">
        <v>#REF!</v>
      </c>
      <c r="U21" s="14" t="e">
        <v>#REF!</v>
      </c>
      <c r="V21" s="14" t="e">
        <v>#REF!</v>
      </c>
      <c r="W21" s="14" t="e">
        <v>#REF!</v>
      </c>
      <c r="X21" s="14" t="e">
        <v>#REF!</v>
      </c>
      <c r="Y21" s="14">
        <v>23.36</v>
      </c>
      <c r="Z21" s="24">
        <v>23.48</v>
      </c>
    </row>
    <row r="22" spans="1:26" ht="21" customHeight="1" x14ac:dyDescent="0.15">
      <c r="A22" s="51" t="s">
        <v>78</v>
      </c>
      <c r="B22" s="55" t="s">
        <v>67</v>
      </c>
      <c r="C22" s="55" t="s">
        <v>12</v>
      </c>
      <c r="D22" s="25">
        <v>995.75</v>
      </c>
      <c r="E22" s="25">
        <v>270.48</v>
      </c>
      <c r="F22" s="25">
        <v>1.31</v>
      </c>
      <c r="G22" s="25" t="e">
        <v>#REF!</v>
      </c>
      <c r="H22" s="26" t="e">
        <v>#REF!</v>
      </c>
      <c r="I22" s="26" t="e">
        <v>#REF!</v>
      </c>
      <c r="J22" s="26" t="e">
        <v>#REF!</v>
      </c>
      <c r="K22" s="26" t="e">
        <v>#REF!</v>
      </c>
      <c r="L22" s="26">
        <v>723.96</v>
      </c>
      <c r="M22" s="24">
        <v>725.27</v>
      </c>
      <c r="N22" s="51" t="s">
        <v>79</v>
      </c>
      <c r="O22" s="56" t="s">
        <v>73</v>
      </c>
      <c r="P22" s="67" t="s">
        <v>2</v>
      </c>
      <c r="Q22" s="64">
        <v>1401.21</v>
      </c>
      <c r="R22" s="28">
        <v>515.92999999999995</v>
      </c>
      <c r="S22" s="28">
        <v>1.1800000000000002</v>
      </c>
      <c r="T22" s="7" t="e">
        <v>#REF!</v>
      </c>
      <c r="U22" s="15" t="e">
        <v>#REF!</v>
      </c>
      <c r="V22" s="15" t="e">
        <v>#REF!</v>
      </c>
      <c r="W22" s="15" t="e">
        <v>#REF!</v>
      </c>
      <c r="X22" s="15" t="e">
        <v>#REF!</v>
      </c>
      <c r="Y22" s="15">
        <v>884.1</v>
      </c>
      <c r="Z22" s="24">
        <v>885.28</v>
      </c>
    </row>
    <row r="23" spans="1:26" ht="21" customHeight="1" x14ac:dyDescent="0.15">
      <c r="A23" s="51" t="s">
        <v>78</v>
      </c>
      <c r="B23" s="56" t="s">
        <v>67</v>
      </c>
      <c r="C23" s="56" t="s">
        <v>9</v>
      </c>
      <c r="D23" s="24">
        <v>317.93000000000006</v>
      </c>
      <c r="E23" s="24">
        <v>106.76000000000005</v>
      </c>
      <c r="F23" s="24">
        <v>0</v>
      </c>
      <c r="G23" s="24" t="e">
        <v>#REF!</v>
      </c>
      <c r="H23" s="27" t="e">
        <v>#REF!</v>
      </c>
      <c r="I23" s="27" t="e">
        <v>#REF!</v>
      </c>
      <c r="J23" s="27" t="e">
        <v>#REF!</v>
      </c>
      <c r="K23" s="27" t="e">
        <v>#REF!</v>
      </c>
      <c r="L23" s="27">
        <v>211.17</v>
      </c>
      <c r="M23" s="24">
        <v>211.17</v>
      </c>
      <c r="N23" s="51" t="s">
        <v>79</v>
      </c>
      <c r="O23" s="60" t="s">
        <v>2</v>
      </c>
      <c r="P23" s="79" t="s">
        <v>2</v>
      </c>
      <c r="Q23" s="73">
        <v>11270.31</v>
      </c>
      <c r="R23" s="73">
        <v>2064.6</v>
      </c>
      <c r="S23" s="34">
        <v>12.06</v>
      </c>
      <c r="T23" s="10" t="e">
        <v>#REF!</v>
      </c>
      <c r="U23" s="18" t="e">
        <v>#REF!</v>
      </c>
      <c r="V23" s="18" t="e">
        <v>#REF!</v>
      </c>
      <c r="W23" s="18" t="e">
        <v>#REF!</v>
      </c>
      <c r="X23" s="18" t="e">
        <v>#REF!</v>
      </c>
      <c r="Y23" s="18">
        <v>9193.65</v>
      </c>
      <c r="Z23" s="73">
        <v>9205.7099999999991</v>
      </c>
    </row>
    <row r="24" spans="1:26" ht="21" customHeight="1" x14ac:dyDescent="0.15">
      <c r="A24" s="51" t="s">
        <v>78</v>
      </c>
      <c r="B24" s="58" t="s">
        <v>67</v>
      </c>
      <c r="C24" s="58" t="s">
        <v>2</v>
      </c>
      <c r="D24" s="65">
        <v>1313.68</v>
      </c>
      <c r="E24" s="30">
        <v>377.24000000000007</v>
      </c>
      <c r="F24" s="30">
        <v>1.31</v>
      </c>
      <c r="G24" s="30" t="e">
        <v>#REF!</v>
      </c>
      <c r="H24" s="31" t="e">
        <v>#REF!</v>
      </c>
      <c r="I24" s="31" t="e">
        <v>#REF!</v>
      </c>
      <c r="J24" s="31" t="e">
        <v>#REF!</v>
      </c>
      <c r="K24" s="31" t="e">
        <v>#REF!</v>
      </c>
      <c r="L24" s="31">
        <v>935.13</v>
      </c>
      <c r="M24" s="30">
        <v>936.43999999999994</v>
      </c>
      <c r="N24" s="75" t="s">
        <v>86</v>
      </c>
      <c r="O24" s="54" t="s">
        <v>96</v>
      </c>
      <c r="P24" s="54" t="s">
        <v>47</v>
      </c>
      <c r="Q24" s="22">
        <v>109.72</v>
      </c>
      <c r="R24" s="22">
        <v>25.23</v>
      </c>
      <c r="S24" s="22">
        <v>0</v>
      </c>
      <c r="T24" s="4" t="e">
        <v>#REF!</v>
      </c>
      <c r="U24" s="11" t="e">
        <v>#REF!</v>
      </c>
      <c r="V24" s="11" t="e">
        <v>#REF!</v>
      </c>
      <c r="W24" s="11" t="e">
        <v>#REF!</v>
      </c>
      <c r="X24" s="11" t="e">
        <v>#REF!</v>
      </c>
      <c r="Y24" s="11">
        <v>84.49</v>
      </c>
      <c r="Z24" s="22">
        <v>84.49</v>
      </c>
    </row>
    <row r="25" spans="1:26" ht="21" customHeight="1" x14ac:dyDescent="0.15">
      <c r="A25" s="51" t="s">
        <v>78</v>
      </c>
      <c r="B25" s="59" t="s">
        <v>10</v>
      </c>
      <c r="C25" s="68" t="s">
        <v>93</v>
      </c>
      <c r="D25" s="71">
        <v>4218.5200000000004</v>
      </c>
      <c r="E25" s="32">
        <v>948.98999999999978</v>
      </c>
      <c r="F25" s="32">
        <v>6.0499999999999989</v>
      </c>
      <c r="G25" s="32" t="e">
        <v>#REF!</v>
      </c>
      <c r="H25" s="35" t="e">
        <v>#REF!</v>
      </c>
      <c r="I25" s="35" t="e">
        <v>#REF!</v>
      </c>
      <c r="J25" s="35" t="e">
        <v>#REF!</v>
      </c>
      <c r="K25" s="35" t="e">
        <v>#REF!</v>
      </c>
      <c r="L25" s="35">
        <v>3263.4800000000005</v>
      </c>
      <c r="M25" s="63">
        <v>3269.5300000000007</v>
      </c>
      <c r="N25" s="75" t="s">
        <v>86</v>
      </c>
      <c r="O25" s="56" t="s">
        <v>96</v>
      </c>
      <c r="P25" s="56" t="s">
        <v>48</v>
      </c>
      <c r="Q25" s="24">
        <v>0</v>
      </c>
      <c r="R25" s="24">
        <v>0</v>
      </c>
      <c r="S25" s="24">
        <v>0</v>
      </c>
      <c r="T25" s="6" t="e">
        <v>#REF!</v>
      </c>
      <c r="U25" s="14" t="e">
        <v>#REF!</v>
      </c>
      <c r="V25" s="14" t="e">
        <v>#REF!</v>
      </c>
      <c r="W25" s="14" t="e">
        <v>#REF!</v>
      </c>
      <c r="X25" s="14" t="e">
        <v>#REF!</v>
      </c>
      <c r="Y25" s="14">
        <v>0</v>
      </c>
      <c r="Z25" s="24">
        <v>0</v>
      </c>
    </row>
    <row r="26" spans="1:26" ht="21" customHeight="1" x14ac:dyDescent="0.15">
      <c r="A26" s="51" t="s">
        <v>78</v>
      </c>
      <c r="B26" s="60" t="s">
        <v>2</v>
      </c>
      <c r="C26" s="69" t="s">
        <v>2</v>
      </c>
      <c r="D26" s="73">
        <v>10493.689999999999</v>
      </c>
      <c r="E26" s="34">
        <v>2088.3599999999997</v>
      </c>
      <c r="F26" s="34">
        <v>15.909999999999998</v>
      </c>
      <c r="G26" s="34" t="e">
        <v>#REF!</v>
      </c>
      <c r="H26" s="36" t="e">
        <v>#REF!</v>
      </c>
      <c r="I26" s="36" t="e">
        <v>#REF!</v>
      </c>
      <c r="J26" s="36" t="e">
        <v>#REF!</v>
      </c>
      <c r="K26" s="36" t="e">
        <v>#REF!</v>
      </c>
      <c r="L26" s="36">
        <v>8389.42</v>
      </c>
      <c r="M26" s="74">
        <v>8405.33</v>
      </c>
      <c r="N26" s="75" t="s">
        <v>86</v>
      </c>
      <c r="O26" s="56" t="s">
        <v>96</v>
      </c>
      <c r="P26" s="56" t="s">
        <v>49</v>
      </c>
      <c r="Q26" s="24">
        <v>203.32999999999998</v>
      </c>
      <c r="R26" s="24">
        <v>20.94</v>
      </c>
      <c r="S26" s="24">
        <v>0</v>
      </c>
      <c r="T26" s="6" t="e">
        <v>#REF!</v>
      </c>
      <c r="U26" s="14" t="e">
        <v>#REF!</v>
      </c>
      <c r="V26" s="14" t="e">
        <v>#REF!</v>
      </c>
      <c r="W26" s="14" t="e">
        <v>#REF!</v>
      </c>
      <c r="X26" s="14" t="e">
        <v>#REF!</v>
      </c>
      <c r="Y26" s="14">
        <v>182.39</v>
      </c>
      <c r="Z26" s="24">
        <v>182.39</v>
      </c>
    </row>
    <row r="27" spans="1:26" ht="21" customHeight="1" x14ac:dyDescent="0.15">
      <c r="A27" s="51" t="s">
        <v>79</v>
      </c>
      <c r="B27" s="54" t="s">
        <v>68</v>
      </c>
      <c r="C27" s="54" t="s">
        <v>19</v>
      </c>
      <c r="D27" s="22">
        <v>33.870000000000005</v>
      </c>
      <c r="E27" s="22">
        <v>6.52</v>
      </c>
      <c r="F27" s="22">
        <v>0</v>
      </c>
      <c r="G27" s="22" t="e">
        <v>#REF!</v>
      </c>
      <c r="H27" s="23" t="e">
        <v>#REF!</v>
      </c>
      <c r="I27" s="23" t="e">
        <v>#REF!</v>
      </c>
      <c r="J27" s="23" t="e">
        <v>#REF!</v>
      </c>
      <c r="K27" s="23" t="e">
        <v>#REF!</v>
      </c>
      <c r="L27" s="23">
        <v>27.35</v>
      </c>
      <c r="M27" s="22">
        <v>27.35</v>
      </c>
      <c r="N27" s="75" t="s">
        <v>86</v>
      </c>
      <c r="O27" s="56" t="s">
        <v>96</v>
      </c>
      <c r="P27" s="56" t="s">
        <v>50</v>
      </c>
      <c r="Q27" s="24">
        <v>50.37</v>
      </c>
      <c r="R27" s="24">
        <v>13.869999999999997</v>
      </c>
      <c r="S27" s="24">
        <v>0.35</v>
      </c>
      <c r="T27" s="6" t="e">
        <v>#REF!</v>
      </c>
      <c r="U27" s="14" t="e">
        <v>#REF!</v>
      </c>
      <c r="V27" s="14" t="e">
        <v>#REF!</v>
      </c>
      <c r="W27" s="14" t="e">
        <v>#REF!</v>
      </c>
      <c r="X27" s="14" t="e">
        <v>#REF!</v>
      </c>
      <c r="Y27" s="14">
        <v>36.15</v>
      </c>
      <c r="Z27" s="24">
        <v>36.5</v>
      </c>
    </row>
    <row r="28" spans="1:26" ht="21" customHeight="1" x14ac:dyDescent="0.15">
      <c r="A28" s="51" t="s">
        <v>79</v>
      </c>
      <c r="B28" s="56" t="s">
        <v>68</v>
      </c>
      <c r="C28" s="56" t="s">
        <v>20</v>
      </c>
      <c r="D28" s="24">
        <v>47.510000000000012</v>
      </c>
      <c r="E28" s="24">
        <v>4.5200000000000102</v>
      </c>
      <c r="F28" s="24">
        <v>0</v>
      </c>
      <c r="G28" s="24" t="e">
        <v>#REF!</v>
      </c>
      <c r="H28" s="27" t="e">
        <v>#REF!</v>
      </c>
      <c r="I28" s="27" t="e">
        <v>#REF!</v>
      </c>
      <c r="J28" s="27" t="e">
        <v>#REF!</v>
      </c>
      <c r="K28" s="27" t="e">
        <v>#REF!</v>
      </c>
      <c r="L28" s="27">
        <v>42.99</v>
      </c>
      <c r="M28" s="24">
        <v>42.99</v>
      </c>
      <c r="N28" s="75" t="s">
        <v>86</v>
      </c>
      <c r="O28" s="56" t="s">
        <v>96</v>
      </c>
      <c r="P28" s="67" t="s">
        <v>2</v>
      </c>
      <c r="Q28" s="28">
        <v>363.41999999999996</v>
      </c>
      <c r="R28" s="28">
        <v>60.04</v>
      </c>
      <c r="S28" s="28">
        <v>0.35</v>
      </c>
      <c r="T28" s="8" t="e">
        <v>#REF!</v>
      </c>
      <c r="U28" s="16" t="e">
        <v>#REF!</v>
      </c>
      <c r="V28" s="16" t="e">
        <v>#REF!</v>
      </c>
      <c r="W28" s="16" t="e">
        <v>#REF!</v>
      </c>
      <c r="X28" s="16" t="e">
        <v>#REF!</v>
      </c>
      <c r="Y28" s="16">
        <v>303.02999999999997</v>
      </c>
      <c r="Z28" s="28">
        <v>303.38</v>
      </c>
    </row>
    <row r="29" spans="1:26" ht="21" customHeight="1" x14ac:dyDescent="0.15">
      <c r="A29" s="51" t="s">
        <v>79</v>
      </c>
      <c r="B29" s="56" t="s">
        <v>68</v>
      </c>
      <c r="C29" s="56" t="s">
        <v>21</v>
      </c>
      <c r="D29" s="24">
        <v>176.38</v>
      </c>
      <c r="E29" s="24">
        <v>74.169999999999987</v>
      </c>
      <c r="F29" s="24">
        <v>0</v>
      </c>
      <c r="G29" s="24" t="e">
        <v>#REF!</v>
      </c>
      <c r="H29" s="27" t="e">
        <v>#REF!</v>
      </c>
      <c r="I29" s="27" t="e">
        <v>#REF!</v>
      </c>
      <c r="J29" s="27" t="e">
        <v>#REF!</v>
      </c>
      <c r="K29" s="27" t="e">
        <v>#REF!</v>
      </c>
      <c r="L29" s="27">
        <v>102.21</v>
      </c>
      <c r="M29" s="24">
        <v>102.21</v>
      </c>
      <c r="N29" s="75" t="s">
        <v>86</v>
      </c>
      <c r="O29" s="80" t="s">
        <v>97</v>
      </c>
      <c r="P29" s="80" t="s">
        <v>51</v>
      </c>
      <c r="Q29" s="37">
        <v>0</v>
      </c>
      <c r="R29" s="37">
        <v>0</v>
      </c>
      <c r="S29" s="37">
        <v>0</v>
      </c>
      <c r="T29" s="42" t="e">
        <v>#REF!</v>
      </c>
      <c r="U29" s="43" t="e">
        <v>#REF!</v>
      </c>
      <c r="V29" s="43" t="e">
        <v>#REF!</v>
      </c>
      <c r="W29" s="43" t="e">
        <v>#REF!</v>
      </c>
      <c r="X29" s="43" t="e">
        <v>#REF!</v>
      </c>
      <c r="Y29" s="43">
        <v>0</v>
      </c>
      <c r="Z29" s="37">
        <v>0</v>
      </c>
    </row>
    <row r="30" spans="1:26" ht="21" customHeight="1" x14ac:dyDescent="0.15">
      <c r="A30" s="51" t="s">
        <v>79</v>
      </c>
      <c r="B30" s="56" t="s">
        <v>68</v>
      </c>
      <c r="C30" s="56" t="s">
        <v>22</v>
      </c>
      <c r="D30" s="24">
        <v>33.119999999999997</v>
      </c>
      <c r="E30" s="24">
        <v>17.159999999999997</v>
      </c>
      <c r="F30" s="24">
        <v>0</v>
      </c>
      <c r="G30" s="24" t="e">
        <v>#REF!</v>
      </c>
      <c r="H30" s="27" t="e">
        <v>#REF!</v>
      </c>
      <c r="I30" s="27" t="e">
        <v>#REF!</v>
      </c>
      <c r="J30" s="27" t="e">
        <v>#REF!</v>
      </c>
      <c r="K30" s="27" t="e">
        <v>#REF!</v>
      </c>
      <c r="L30" s="27">
        <v>15.96</v>
      </c>
      <c r="M30" s="24">
        <v>15.96</v>
      </c>
      <c r="N30" s="75" t="s">
        <v>86</v>
      </c>
      <c r="O30" s="80" t="s">
        <v>98</v>
      </c>
      <c r="P30" s="56" t="s">
        <v>52</v>
      </c>
      <c r="Q30" s="37">
        <v>0</v>
      </c>
      <c r="R30" s="37">
        <v>0</v>
      </c>
      <c r="S30" s="37">
        <v>0</v>
      </c>
      <c r="T30" s="44" t="e">
        <v>#REF!</v>
      </c>
      <c r="U30" s="45" t="e">
        <v>#REF!</v>
      </c>
      <c r="V30" s="45" t="e">
        <v>#REF!</v>
      </c>
      <c r="W30" s="45" t="e">
        <v>#REF!</v>
      </c>
      <c r="X30" s="45" t="e">
        <v>#REF!</v>
      </c>
      <c r="Y30" s="45">
        <v>0</v>
      </c>
      <c r="Z30" s="30">
        <v>0</v>
      </c>
    </row>
    <row r="31" spans="1:26" ht="21" customHeight="1" x14ac:dyDescent="0.15">
      <c r="A31" s="51" t="s">
        <v>79</v>
      </c>
      <c r="B31" s="56" t="s">
        <v>68</v>
      </c>
      <c r="C31" s="56" t="s">
        <v>24</v>
      </c>
      <c r="D31" s="24">
        <v>78.62</v>
      </c>
      <c r="E31" s="24">
        <v>25.290000000000006</v>
      </c>
      <c r="F31" s="24">
        <v>0</v>
      </c>
      <c r="G31" s="24" t="e">
        <v>#REF!</v>
      </c>
      <c r="H31" s="27" t="e">
        <v>#REF!</v>
      </c>
      <c r="I31" s="27" t="e">
        <v>#REF!</v>
      </c>
      <c r="J31" s="27" t="e">
        <v>#REF!</v>
      </c>
      <c r="K31" s="27" t="e">
        <v>#REF!</v>
      </c>
      <c r="L31" s="27">
        <v>53.33</v>
      </c>
      <c r="M31" s="24">
        <v>53.33</v>
      </c>
      <c r="N31" s="75" t="s">
        <v>86</v>
      </c>
      <c r="O31" s="55" t="s">
        <v>99</v>
      </c>
      <c r="P31" s="81" t="s">
        <v>53</v>
      </c>
      <c r="Q31" s="38">
        <v>0</v>
      </c>
      <c r="R31" s="38">
        <v>0</v>
      </c>
      <c r="S31" s="38">
        <v>0</v>
      </c>
      <c r="T31" s="9" t="e">
        <v>#REF!</v>
      </c>
      <c r="U31" s="17" t="e">
        <v>#REF!</v>
      </c>
      <c r="V31" s="17" t="e">
        <v>#REF!</v>
      </c>
      <c r="W31" s="17" t="e">
        <v>#REF!</v>
      </c>
      <c r="X31" s="17" t="e">
        <v>#REF!</v>
      </c>
      <c r="Y31" s="17">
        <v>0</v>
      </c>
      <c r="Z31" s="24">
        <v>0</v>
      </c>
    </row>
    <row r="32" spans="1:26" ht="21" customHeight="1" x14ac:dyDescent="0.15">
      <c r="A32" s="51" t="s">
        <v>79</v>
      </c>
      <c r="B32" s="56" t="s">
        <v>68</v>
      </c>
      <c r="C32" s="56" t="s">
        <v>25</v>
      </c>
      <c r="D32" s="24">
        <v>22.790000000000003</v>
      </c>
      <c r="E32" s="24">
        <v>1.4100000000000037</v>
      </c>
      <c r="F32" s="24">
        <v>0.8</v>
      </c>
      <c r="G32" s="24" t="e">
        <v>#REF!</v>
      </c>
      <c r="H32" s="27" t="e">
        <v>#REF!</v>
      </c>
      <c r="I32" s="27" t="e">
        <v>#REF!</v>
      </c>
      <c r="J32" s="27" t="e">
        <v>#REF!</v>
      </c>
      <c r="K32" s="27" t="e">
        <v>#REF!</v>
      </c>
      <c r="L32" s="27">
        <v>20.58</v>
      </c>
      <c r="M32" s="24">
        <v>21.38</v>
      </c>
      <c r="N32" s="75" t="s">
        <v>86</v>
      </c>
      <c r="O32" s="60" t="s">
        <v>2</v>
      </c>
      <c r="P32" s="60" t="s">
        <v>2</v>
      </c>
      <c r="Q32" s="32">
        <v>363.41999999999996</v>
      </c>
      <c r="R32" s="32">
        <v>60.04</v>
      </c>
      <c r="S32" s="32">
        <v>0.35</v>
      </c>
      <c r="T32" s="9" t="e">
        <v>#REF!</v>
      </c>
      <c r="U32" s="17" t="e">
        <v>#REF!</v>
      </c>
      <c r="V32" s="17" t="e">
        <v>#REF!</v>
      </c>
      <c r="W32" s="17" t="e">
        <v>#REF!</v>
      </c>
      <c r="X32" s="17" t="e">
        <v>#REF!</v>
      </c>
      <c r="Y32" s="17">
        <v>303.02999999999997</v>
      </c>
      <c r="Z32" s="22">
        <v>303.38</v>
      </c>
    </row>
    <row r="33" spans="1:26" ht="21" customHeight="1" x14ac:dyDescent="0.15">
      <c r="A33" s="51" t="s">
        <v>79</v>
      </c>
      <c r="B33" s="56" t="s">
        <v>68</v>
      </c>
      <c r="C33" s="56" t="s">
        <v>26</v>
      </c>
      <c r="D33" s="24">
        <v>14.08</v>
      </c>
      <c r="E33" s="24">
        <v>1.2900000000000009</v>
      </c>
      <c r="F33" s="24">
        <v>0</v>
      </c>
      <c r="G33" s="24" t="e">
        <v>#REF!</v>
      </c>
      <c r="H33" s="27" t="e">
        <v>#REF!</v>
      </c>
      <c r="I33" s="27" t="e">
        <v>#REF!</v>
      </c>
      <c r="J33" s="27" t="e">
        <v>#REF!</v>
      </c>
      <c r="K33" s="27" t="e">
        <v>#REF!</v>
      </c>
      <c r="L33" s="27">
        <v>12.79</v>
      </c>
      <c r="M33" s="24">
        <v>12.79</v>
      </c>
      <c r="N33" s="75" t="s">
        <v>87</v>
      </c>
      <c r="O33" s="54" t="s">
        <v>74</v>
      </c>
      <c r="P33" s="54" t="s">
        <v>54</v>
      </c>
      <c r="Q33" s="22">
        <v>393.02000000000004</v>
      </c>
      <c r="R33" s="22">
        <v>30.74</v>
      </c>
      <c r="S33" s="22">
        <v>0.12000000000000001</v>
      </c>
      <c r="T33" s="4" t="e">
        <v>#REF!</v>
      </c>
      <c r="U33" s="11" t="e">
        <v>#REF!</v>
      </c>
      <c r="V33" s="11" t="e">
        <v>#REF!</v>
      </c>
      <c r="W33" s="11" t="e">
        <v>#REF!</v>
      </c>
      <c r="X33" s="11" t="e">
        <v>#REF!</v>
      </c>
      <c r="Y33" s="11">
        <v>362.16</v>
      </c>
      <c r="Z33" s="22">
        <v>362.28000000000003</v>
      </c>
    </row>
    <row r="34" spans="1:26" ht="21" customHeight="1" x14ac:dyDescent="0.15">
      <c r="A34" s="51" t="s">
        <v>79</v>
      </c>
      <c r="B34" s="56" t="s">
        <v>68</v>
      </c>
      <c r="C34" s="56" t="s">
        <v>27</v>
      </c>
      <c r="D34" s="24">
        <v>0</v>
      </c>
      <c r="E34" s="24">
        <v>0</v>
      </c>
      <c r="F34" s="24">
        <v>0</v>
      </c>
      <c r="G34" s="24" t="e">
        <v>#REF!</v>
      </c>
      <c r="H34" s="27" t="e">
        <v>#REF!</v>
      </c>
      <c r="I34" s="27" t="e">
        <v>#REF!</v>
      </c>
      <c r="J34" s="27" t="e">
        <v>#REF!</v>
      </c>
      <c r="K34" s="27" t="e">
        <v>#REF!</v>
      </c>
      <c r="L34" s="27">
        <v>0</v>
      </c>
      <c r="M34" s="24">
        <v>0</v>
      </c>
      <c r="N34" s="75" t="s">
        <v>87</v>
      </c>
      <c r="O34" s="56" t="s">
        <v>74</v>
      </c>
      <c r="P34" s="56" t="s">
        <v>100</v>
      </c>
      <c r="Q34" s="24">
        <v>585.99</v>
      </c>
      <c r="R34" s="24">
        <v>83.23</v>
      </c>
      <c r="S34" s="24">
        <v>0.4</v>
      </c>
      <c r="T34" s="6" t="e">
        <v>#REF!</v>
      </c>
      <c r="U34" s="14" t="e">
        <v>#REF!</v>
      </c>
      <c r="V34" s="14" t="e">
        <v>#REF!</v>
      </c>
      <c r="W34" s="14" t="e">
        <v>#REF!</v>
      </c>
      <c r="X34" s="14" t="e">
        <v>#REF!</v>
      </c>
      <c r="Y34" s="14">
        <v>502.36</v>
      </c>
      <c r="Z34" s="24">
        <v>502.76</v>
      </c>
    </row>
    <row r="35" spans="1:26" ht="21" customHeight="1" x14ac:dyDescent="0.15">
      <c r="A35" s="51" t="s">
        <v>79</v>
      </c>
      <c r="B35" s="56" t="s">
        <v>68</v>
      </c>
      <c r="C35" s="56" t="s">
        <v>23</v>
      </c>
      <c r="D35" s="24">
        <v>0</v>
      </c>
      <c r="E35" s="24">
        <v>0</v>
      </c>
      <c r="F35" s="24">
        <v>0</v>
      </c>
      <c r="G35" s="24" t="e">
        <v>#REF!</v>
      </c>
      <c r="H35" s="27" t="e">
        <v>#REF!</v>
      </c>
      <c r="I35" s="27" t="e">
        <v>#REF!</v>
      </c>
      <c r="J35" s="27" t="e">
        <v>#REF!</v>
      </c>
      <c r="K35" s="27" t="e">
        <v>#REF!</v>
      </c>
      <c r="L35" s="27">
        <v>0</v>
      </c>
      <c r="M35" s="24">
        <v>0</v>
      </c>
      <c r="N35" s="75" t="s">
        <v>87</v>
      </c>
      <c r="O35" s="56" t="s">
        <v>74</v>
      </c>
      <c r="P35" s="56" t="s">
        <v>55</v>
      </c>
      <c r="Q35" s="24">
        <v>608.24</v>
      </c>
      <c r="R35" s="24">
        <v>94.43</v>
      </c>
      <c r="S35" s="24">
        <v>0.46</v>
      </c>
      <c r="T35" s="6" t="e">
        <v>#REF!</v>
      </c>
      <c r="U35" s="14" t="e">
        <v>#REF!</v>
      </c>
      <c r="V35" s="14" t="e">
        <v>#REF!</v>
      </c>
      <c r="W35" s="14" t="e">
        <v>#REF!</v>
      </c>
      <c r="X35" s="14" t="e">
        <v>#REF!</v>
      </c>
      <c r="Y35" s="14">
        <v>513.35</v>
      </c>
      <c r="Z35" s="24">
        <v>513.81000000000006</v>
      </c>
    </row>
    <row r="36" spans="1:26" ht="21" customHeight="1" x14ac:dyDescent="0.15">
      <c r="A36" s="51" t="s">
        <v>79</v>
      </c>
      <c r="B36" s="57" t="s">
        <v>68</v>
      </c>
      <c r="C36" s="67" t="s">
        <v>2</v>
      </c>
      <c r="D36" s="28">
        <v>406.37</v>
      </c>
      <c r="E36" s="28">
        <v>130.35999999999999</v>
      </c>
      <c r="F36" s="28">
        <v>0.8</v>
      </c>
      <c r="G36" s="28" t="e">
        <v>#REF!</v>
      </c>
      <c r="H36" s="29" t="e">
        <v>#REF!</v>
      </c>
      <c r="I36" s="29" t="e">
        <v>#REF!</v>
      </c>
      <c r="J36" s="29" t="e">
        <v>#REF!</v>
      </c>
      <c r="K36" s="29" t="e">
        <v>#REF!</v>
      </c>
      <c r="L36" s="29">
        <v>275.21000000000004</v>
      </c>
      <c r="M36" s="28">
        <v>276.01000000000005</v>
      </c>
      <c r="N36" s="75" t="s">
        <v>87</v>
      </c>
      <c r="O36" s="56" t="s">
        <v>74</v>
      </c>
      <c r="P36" s="67" t="s">
        <v>2</v>
      </c>
      <c r="Q36" s="64">
        <v>1587.25</v>
      </c>
      <c r="R36" s="28">
        <v>208.4</v>
      </c>
      <c r="S36" s="28">
        <v>0.98</v>
      </c>
      <c r="T36" s="7" t="e">
        <v>#REF!</v>
      </c>
      <c r="U36" s="15" t="e">
        <v>#REF!</v>
      </c>
      <c r="V36" s="15" t="e">
        <v>#REF!</v>
      </c>
      <c r="W36" s="15" t="e">
        <v>#REF!</v>
      </c>
      <c r="X36" s="15" t="e">
        <v>#REF!</v>
      </c>
      <c r="Y36" s="15">
        <v>1377.87</v>
      </c>
      <c r="Z36" s="64">
        <v>1378.85</v>
      </c>
    </row>
    <row r="37" spans="1:26" ht="21" customHeight="1" x14ac:dyDescent="0.15">
      <c r="A37" s="51" t="s">
        <v>79</v>
      </c>
      <c r="B37" s="55" t="s">
        <v>69</v>
      </c>
      <c r="C37" s="55" t="s">
        <v>28</v>
      </c>
      <c r="D37" s="25">
        <v>77.009999999999991</v>
      </c>
      <c r="E37" s="25">
        <v>30.35</v>
      </c>
      <c r="F37" s="25">
        <v>0</v>
      </c>
      <c r="G37" s="25" t="e">
        <v>#REF!</v>
      </c>
      <c r="H37" s="26" t="e">
        <v>#REF!</v>
      </c>
      <c r="I37" s="26" t="e">
        <v>#REF!</v>
      </c>
      <c r="J37" s="26" t="e">
        <v>#REF!</v>
      </c>
      <c r="K37" s="26" t="e">
        <v>#REF!</v>
      </c>
      <c r="L37" s="26">
        <v>46.66</v>
      </c>
      <c r="M37" s="24">
        <v>46.66</v>
      </c>
      <c r="N37" s="75" t="s">
        <v>87</v>
      </c>
      <c r="O37" s="55" t="s">
        <v>75</v>
      </c>
      <c r="P37" s="55" t="s">
        <v>56</v>
      </c>
      <c r="Q37" s="25">
        <v>590.07000000000016</v>
      </c>
      <c r="R37" s="25">
        <v>63.950000000000159</v>
      </c>
      <c r="S37" s="25">
        <v>1.62</v>
      </c>
      <c r="T37" s="5" t="e">
        <v>#REF!</v>
      </c>
      <c r="U37" s="13" t="e">
        <v>#REF!</v>
      </c>
      <c r="V37" s="13" t="e">
        <v>#REF!</v>
      </c>
      <c r="W37" s="13" t="e">
        <v>#REF!</v>
      </c>
      <c r="X37" s="13" t="e">
        <v>#REF!</v>
      </c>
      <c r="Y37" s="13">
        <v>524.5</v>
      </c>
      <c r="Z37" s="24">
        <v>526.12</v>
      </c>
    </row>
    <row r="38" spans="1:26" ht="21" customHeight="1" x14ac:dyDescent="0.15">
      <c r="A38" s="51" t="s">
        <v>79</v>
      </c>
      <c r="B38" s="56" t="s">
        <v>69</v>
      </c>
      <c r="C38" s="56" t="s">
        <v>29</v>
      </c>
      <c r="D38" s="24">
        <v>831.6</v>
      </c>
      <c r="E38" s="24">
        <v>255.47</v>
      </c>
      <c r="F38" s="24">
        <v>0.51</v>
      </c>
      <c r="G38" s="24" t="e">
        <v>#REF!</v>
      </c>
      <c r="H38" s="27" t="e">
        <v>#REF!</v>
      </c>
      <c r="I38" s="27" t="e">
        <v>#REF!</v>
      </c>
      <c r="J38" s="27" t="e">
        <v>#REF!</v>
      </c>
      <c r="K38" s="27" t="e">
        <v>#REF!</v>
      </c>
      <c r="L38" s="27">
        <v>575.62</v>
      </c>
      <c r="M38" s="24">
        <v>576.13</v>
      </c>
      <c r="N38" s="75" t="s">
        <v>87</v>
      </c>
      <c r="O38" s="56" t="s">
        <v>75</v>
      </c>
      <c r="P38" s="56" t="s">
        <v>57</v>
      </c>
      <c r="Q38" s="24">
        <v>831.57</v>
      </c>
      <c r="R38" s="24">
        <v>119.61</v>
      </c>
      <c r="S38" s="24">
        <v>0.88</v>
      </c>
      <c r="T38" s="6" t="e">
        <v>#REF!</v>
      </c>
      <c r="U38" s="14" t="e">
        <v>#REF!</v>
      </c>
      <c r="V38" s="14" t="e">
        <v>#REF!</v>
      </c>
      <c r="W38" s="14" t="e">
        <v>#REF!</v>
      </c>
      <c r="X38" s="14" t="e">
        <v>#REF!</v>
      </c>
      <c r="Y38" s="14">
        <v>711.08</v>
      </c>
      <c r="Z38" s="24">
        <v>711.96</v>
      </c>
    </row>
    <row r="39" spans="1:26" ht="21" customHeight="1" x14ac:dyDescent="0.15">
      <c r="A39" s="51" t="s">
        <v>79</v>
      </c>
      <c r="B39" s="56" t="s">
        <v>69</v>
      </c>
      <c r="C39" s="56" t="s">
        <v>30</v>
      </c>
      <c r="D39" s="24">
        <v>493.77</v>
      </c>
      <c r="E39" s="24">
        <v>68.750000000000057</v>
      </c>
      <c r="F39" s="24">
        <v>0.22</v>
      </c>
      <c r="G39" s="24" t="e">
        <v>#REF!</v>
      </c>
      <c r="H39" s="27" t="e">
        <v>#REF!</v>
      </c>
      <c r="I39" s="27" t="e">
        <v>#REF!</v>
      </c>
      <c r="J39" s="27" t="e">
        <v>#REF!</v>
      </c>
      <c r="K39" s="27" t="e">
        <v>#REF!</v>
      </c>
      <c r="L39" s="27">
        <v>424.79999999999995</v>
      </c>
      <c r="M39" s="24">
        <v>425.02</v>
      </c>
      <c r="N39" s="75" t="s">
        <v>87</v>
      </c>
      <c r="O39" s="57" t="s">
        <v>75</v>
      </c>
      <c r="P39" s="82" t="s">
        <v>2</v>
      </c>
      <c r="Q39" s="64">
        <v>1421.64</v>
      </c>
      <c r="R39" s="28">
        <v>183.56000000000017</v>
      </c>
      <c r="S39" s="28">
        <v>2.5</v>
      </c>
      <c r="T39" s="7" t="e">
        <v>#REF!</v>
      </c>
      <c r="U39" s="15" t="e">
        <v>#REF!</v>
      </c>
      <c r="V39" s="15" t="e">
        <v>#REF!</v>
      </c>
      <c r="W39" s="15" t="e">
        <v>#REF!</v>
      </c>
      <c r="X39" s="15" t="e">
        <v>#REF!</v>
      </c>
      <c r="Y39" s="15">
        <v>1235.58</v>
      </c>
      <c r="Z39" s="65">
        <v>1238.08</v>
      </c>
    </row>
    <row r="40" spans="1:26" ht="21" customHeight="1" x14ac:dyDescent="0.15">
      <c r="A40" s="51" t="s">
        <v>79</v>
      </c>
      <c r="B40" s="58" t="s">
        <v>69</v>
      </c>
      <c r="C40" s="58" t="s">
        <v>2</v>
      </c>
      <c r="D40" s="65">
        <v>1402.38</v>
      </c>
      <c r="E40" s="30">
        <v>354.57000000000005</v>
      </c>
      <c r="F40" s="30">
        <v>0.73</v>
      </c>
      <c r="G40" s="30" t="e">
        <v>#REF!</v>
      </c>
      <c r="H40" s="31" t="e">
        <v>#REF!</v>
      </c>
      <c r="I40" s="31" t="e">
        <v>#REF!</v>
      </c>
      <c r="J40" s="31" t="e">
        <v>#REF!</v>
      </c>
      <c r="K40" s="31" t="e">
        <v>#REF!</v>
      </c>
      <c r="L40" s="31">
        <v>1047.08</v>
      </c>
      <c r="M40" s="65">
        <v>1047.81</v>
      </c>
      <c r="N40" s="75" t="s">
        <v>87</v>
      </c>
      <c r="O40" s="55" t="s">
        <v>76</v>
      </c>
      <c r="P40" s="55" t="s">
        <v>58</v>
      </c>
      <c r="Q40" s="25">
        <v>124.89999999999998</v>
      </c>
      <c r="R40" s="25">
        <v>11.629999999999981</v>
      </c>
      <c r="S40" s="25">
        <v>0</v>
      </c>
      <c r="T40" s="5" t="e">
        <v>#REF!</v>
      </c>
      <c r="U40" s="13" t="e">
        <v>#REF!</v>
      </c>
      <c r="V40" s="13" t="e">
        <v>#REF!</v>
      </c>
      <c r="W40" s="13" t="e">
        <v>#REF!</v>
      </c>
      <c r="X40" s="13" t="e">
        <v>#REF!</v>
      </c>
      <c r="Y40" s="13">
        <v>113.27</v>
      </c>
      <c r="Z40" s="24">
        <v>113.27</v>
      </c>
    </row>
    <row r="41" spans="1:26" ht="21" customHeight="1" x14ac:dyDescent="0.15">
      <c r="A41" s="51" t="s">
        <v>79</v>
      </c>
      <c r="B41" s="52" t="s">
        <v>10</v>
      </c>
      <c r="C41" s="68" t="s">
        <v>93</v>
      </c>
      <c r="D41" s="71">
        <v>1808.75</v>
      </c>
      <c r="E41" s="32">
        <v>484.93000000000006</v>
      </c>
      <c r="F41" s="32">
        <v>1.53</v>
      </c>
      <c r="G41" s="32" t="e">
        <v>#REF!</v>
      </c>
      <c r="H41" s="35" t="e">
        <v>#REF!</v>
      </c>
      <c r="I41" s="35" t="e">
        <v>#REF!</v>
      </c>
      <c r="J41" s="35" t="e">
        <v>#REF!</v>
      </c>
      <c r="K41" s="35" t="e">
        <v>#REF!</v>
      </c>
      <c r="L41" s="35">
        <v>1322.29</v>
      </c>
      <c r="M41" s="63">
        <v>1323.82</v>
      </c>
      <c r="N41" s="75" t="s">
        <v>87</v>
      </c>
      <c r="O41" s="56" t="s">
        <v>76</v>
      </c>
      <c r="P41" s="56" t="s">
        <v>59</v>
      </c>
      <c r="Q41" s="24">
        <v>153.63000000000002</v>
      </c>
      <c r="R41" s="24">
        <v>14.090000000000032</v>
      </c>
      <c r="S41" s="24">
        <v>0</v>
      </c>
      <c r="T41" s="6" t="e">
        <v>#REF!</v>
      </c>
      <c r="U41" s="14" t="e">
        <v>#REF!</v>
      </c>
      <c r="V41" s="14" t="e">
        <v>#REF!</v>
      </c>
      <c r="W41" s="14" t="e">
        <v>#REF!</v>
      </c>
      <c r="X41" s="14" t="e">
        <v>#REF!</v>
      </c>
      <c r="Y41" s="14">
        <v>139.54</v>
      </c>
      <c r="Z41" s="24">
        <v>139.54</v>
      </c>
    </row>
    <row r="42" spans="1:26" ht="21" customHeight="1" x14ac:dyDescent="0.15">
      <c r="A42" s="51" t="s">
        <v>79</v>
      </c>
      <c r="B42" s="54" t="s">
        <v>70</v>
      </c>
      <c r="C42" s="54" t="s">
        <v>31</v>
      </c>
      <c r="D42" s="74">
        <v>1207.03</v>
      </c>
      <c r="E42" s="22">
        <v>199.85</v>
      </c>
      <c r="F42" s="22">
        <v>2.35</v>
      </c>
      <c r="G42" s="22" t="e">
        <v>#REF!</v>
      </c>
      <c r="H42" s="23" t="e">
        <v>#REF!</v>
      </c>
      <c r="I42" s="23" t="e">
        <v>#REF!</v>
      </c>
      <c r="J42" s="23" t="e">
        <v>#REF!</v>
      </c>
      <c r="K42" s="23" t="e">
        <v>#REF!</v>
      </c>
      <c r="L42" s="23">
        <v>1004.8299999999999</v>
      </c>
      <c r="M42" s="74">
        <v>1007.18</v>
      </c>
      <c r="N42" s="75" t="s">
        <v>87</v>
      </c>
      <c r="O42" s="70" t="s">
        <v>76</v>
      </c>
      <c r="P42" s="83" t="s">
        <v>2</v>
      </c>
      <c r="Q42" s="32">
        <v>278.53000000000003</v>
      </c>
      <c r="R42" s="32">
        <v>25.720000000000013</v>
      </c>
      <c r="S42" s="32">
        <v>0</v>
      </c>
      <c r="T42" s="9" t="e">
        <v>#REF!</v>
      </c>
      <c r="U42" s="17" t="e">
        <v>#REF!</v>
      </c>
      <c r="V42" s="17" t="e">
        <v>#REF!</v>
      </c>
      <c r="W42" s="17" t="e">
        <v>#REF!</v>
      </c>
      <c r="X42" s="17" t="e">
        <v>#REF!</v>
      </c>
      <c r="Y42" s="17">
        <v>252.81</v>
      </c>
      <c r="Z42" s="32">
        <v>252.81</v>
      </c>
    </row>
    <row r="43" spans="1:26" ht="21" customHeight="1" x14ac:dyDescent="0.15">
      <c r="A43" s="51" t="s">
        <v>79</v>
      </c>
      <c r="B43" s="70" t="s">
        <v>70</v>
      </c>
      <c r="C43" s="70" t="s">
        <v>32</v>
      </c>
      <c r="D43" s="32">
        <v>0</v>
      </c>
      <c r="E43" s="32">
        <v>0</v>
      </c>
      <c r="F43" s="32">
        <v>0</v>
      </c>
      <c r="G43" s="32" t="e">
        <v>#REF!</v>
      </c>
      <c r="H43" s="35" t="e">
        <v>#REF!</v>
      </c>
      <c r="I43" s="35" t="e">
        <v>#REF!</v>
      </c>
      <c r="J43" s="35" t="e">
        <v>#REF!</v>
      </c>
      <c r="K43" s="35" t="e">
        <v>#REF!</v>
      </c>
      <c r="L43" s="35">
        <v>0</v>
      </c>
      <c r="M43" s="32">
        <v>0</v>
      </c>
      <c r="N43" s="75" t="s">
        <v>87</v>
      </c>
      <c r="O43" s="53" t="s">
        <v>2</v>
      </c>
      <c r="P43" s="53" t="s">
        <v>2</v>
      </c>
      <c r="Q43" s="71">
        <v>3287.42</v>
      </c>
      <c r="R43" s="32">
        <v>417.68000000000018</v>
      </c>
      <c r="S43" s="32">
        <v>3.48</v>
      </c>
      <c r="T43" s="9" t="e">
        <v>#REF!</v>
      </c>
      <c r="U43" s="17" t="e">
        <v>#REF!</v>
      </c>
      <c r="V43" s="17" t="e">
        <v>#REF!</v>
      </c>
      <c r="W43" s="17" t="e">
        <v>#REF!</v>
      </c>
      <c r="X43" s="17" t="e">
        <v>#REF!</v>
      </c>
      <c r="Y43" s="17">
        <v>2866.2599999999998</v>
      </c>
      <c r="Z43" s="63">
        <v>2869.74</v>
      </c>
    </row>
    <row r="44" spans="1:26" ht="21" customHeight="1" x14ac:dyDescent="0.15">
      <c r="A44" s="20"/>
      <c r="B44" s="20"/>
      <c r="C44" s="20"/>
      <c r="D44" s="20"/>
      <c r="E44" s="20"/>
      <c r="F44" s="20"/>
      <c r="G44" s="20"/>
      <c r="H44" s="39"/>
      <c r="I44" s="39"/>
      <c r="J44" s="39"/>
      <c r="K44" s="39"/>
      <c r="L44" s="39"/>
      <c r="M44" s="20"/>
      <c r="N44" s="76" t="s">
        <v>94</v>
      </c>
      <c r="O44" s="76" t="s">
        <v>94</v>
      </c>
      <c r="P44" s="76" t="s">
        <v>94</v>
      </c>
      <c r="Q44" s="73">
        <v>25414.839999999997</v>
      </c>
      <c r="R44" s="73">
        <v>4630.6799999999994</v>
      </c>
      <c r="S44" s="34">
        <v>31.8</v>
      </c>
      <c r="T44" s="10" t="e">
        <v>#REF!</v>
      </c>
      <c r="U44" s="18" t="e">
        <v>#REF!</v>
      </c>
      <c r="V44" s="18" t="e">
        <v>#REF!</v>
      </c>
      <c r="W44" s="18" t="e">
        <v>#REF!</v>
      </c>
      <c r="X44" s="18" t="e">
        <v>#REF!</v>
      </c>
      <c r="Y44" s="18">
        <v>20752.359999999997</v>
      </c>
      <c r="Z44" s="73">
        <v>20784.159999999996</v>
      </c>
    </row>
    <row r="45" spans="1:26" ht="18.75" customHeight="1" x14ac:dyDescent="0.15"/>
    <row r="46" spans="1:26" ht="19.5" customHeight="1" x14ac:dyDescent="0.15"/>
    <row r="47" spans="1:26" ht="19.5" customHeight="1" x14ac:dyDescent="0.15"/>
    <row r="48" spans="1:26" ht="19.5" customHeight="1" x14ac:dyDescent="0.15"/>
    <row r="49" ht="19.5" customHeight="1" x14ac:dyDescent="0.15"/>
    <row r="50" ht="19.5" customHeight="1" x14ac:dyDescent="0.15"/>
    <row r="51" ht="19.5" customHeight="1" x14ac:dyDescent="0.15"/>
    <row r="52" ht="19.5" customHeight="1" x14ac:dyDescent="0.15"/>
    <row r="53" ht="19.5" customHeight="1" x14ac:dyDescent="0.15"/>
    <row r="54" ht="19.5" customHeight="1" x14ac:dyDescent="0.15"/>
    <row r="55" ht="19.5" customHeight="1" x14ac:dyDescent="0.15"/>
    <row r="56" ht="19.5" customHeight="1" x14ac:dyDescent="0.15"/>
    <row r="57" ht="19.5" customHeight="1" x14ac:dyDescent="0.15"/>
    <row r="58" ht="19.5" customHeight="1" x14ac:dyDescent="0.15"/>
    <row r="59" ht="19.5" customHeight="1" x14ac:dyDescent="0.15"/>
    <row r="60" ht="19.5" customHeight="1" x14ac:dyDescent="0.15"/>
    <row r="61" ht="19.5" customHeight="1" x14ac:dyDescent="0.15"/>
    <row r="62" ht="19.5" customHeight="1" x14ac:dyDescent="0.15"/>
    <row r="63" ht="19.5" customHeight="1" x14ac:dyDescent="0.15"/>
    <row r="64" ht="19.5" customHeight="1" x14ac:dyDescent="0.15"/>
    <row r="65" ht="19.5" customHeight="1" x14ac:dyDescent="0.15"/>
    <row r="66" ht="19.5" customHeight="1" x14ac:dyDescent="0.15"/>
    <row r="67" ht="19.5" customHeight="1" x14ac:dyDescent="0.15"/>
    <row r="68" ht="22.5" customHeight="1" x14ac:dyDescent="0.15"/>
    <row r="69" ht="19.5" customHeight="1" x14ac:dyDescent="0.15"/>
    <row r="70" ht="19.5" customHeight="1" x14ac:dyDescent="0.15"/>
    <row r="71" ht="19.5" customHeight="1" x14ac:dyDescent="0.15"/>
    <row r="72" ht="19.5" customHeight="1" x14ac:dyDescent="0.15"/>
    <row r="73" ht="19.5" customHeight="1" x14ac:dyDescent="0.15"/>
    <row r="74" ht="19.5" customHeight="1" x14ac:dyDescent="0.15"/>
    <row r="75" ht="19.5" customHeight="1" x14ac:dyDescent="0.15"/>
    <row r="76" ht="19.5" customHeight="1" x14ac:dyDescent="0.15"/>
    <row r="77" ht="22.5" customHeight="1" x14ac:dyDescent="0.15"/>
    <row r="78" ht="19.5" customHeight="1" x14ac:dyDescent="0.15"/>
    <row r="79" ht="19.5" customHeight="1" x14ac:dyDescent="0.15"/>
    <row r="80" ht="19.5" customHeight="1" x14ac:dyDescent="0.15"/>
    <row r="81" spans="1:14" ht="19.5" customHeight="1" x14ac:dyDescent="0.15"/>
    <row r="82" spans="1:14" ht="19.5" customHeight="1" x14ac:dyDescent="0.15"/>
    <row r="83" spans="1:14" ht="19.5" customHeight="1" x14ac:dyDescent="0.15"/>
    <row r="84" spans="1:14" ht="19.5" customHeight="1" x14ac:dyDescent="0.15"/>
    <row r="85" spans="1:14" ht="19.5" customHeight="1" x14ac:dyDescent="0.15"/>
    <row r="86" spans="1:14" ht="19.5" customHeight="1" x14ac:dyDescent="0.15"/>
    <row r="87" spans="1:14" ht="19.5" customHeight="1" x14ac:dyDescent="0.15"/>
    <row r="88" spans="1:14" ht="22.5" customHeight="1" x14ac:dyDescent="0.15"/>
    <row r="89" spans="1:14" ht="24" customHeight="1" x14ac:dyDescent="0.15"/>
    <row r="90" spans="1:14" ht="23.1" customHeight="1" x14ac:dyDescent="0.15">
      <c r="A90" s="3"/>
      <c r="N90" s="3"/>
    </row>
    <row r="91" spans="1:14" ht="23.1" customHeight="1" x14ac:dyDescent="0.15"/>
  </sheetData>
  <mergeCells count="3">
    <mergeCell ref="T1:Z1"/>
    <mergeCell ref="G1:M1"/>
    <mergeCell ref="N1:N2"/>
  </mergeCells>
  <phoneticPr fontId="2"/>
  <pageMargins left="0.62992125984251968" right="0.70866141732283472" top="0.98425196850393704" bottom="0.31496062992125984" header="0.62992125984251968" footer="0.31496062992125984"/>
  <pageSetup paperSize="9" scale="81" fitToHeight="0" orientation="portrait" r:id="rId1"/>
  <headerFooter differentFirst="1" scaleWithDoc="0" alignWithMargins="0">
    <firstHeader>&amp;L&amp;"ＭＳ 明朝,標準"&amp;18 8. 林業公社造林実績</firstHeader>
  </headerFooter>
  <rowBreaks count="1" manualBreakCount="1">
    <brk id="44" max="26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8</vt:lpstr>
      <vt:lpstr>'8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萬代　邦行</dc:creator>
  <cp:lastModifiedBy>Windows ユーザー</cp:lastModifiedBy>
  <cp:lastPrinted>2019-06-03T01:39:43Z</cp:lastPrinted>
  <dcterms:created xsi:type="dcterms:W3CDTF">2002-11-14T13:09:13Z</dcterms:created>
  <dcterms:modified xsi:type="dcterms:W3CDTF">2019-08-28T00:52:31Z</dcterms:modified>
</cp:coreProperties>
</file>